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16019\Desktop\ＨＰ用２０２４．６\"/>
    </mc:Choice>
  </mc:AlternateContent>
  <bookViews>
    <workbookView xWindow="14385" yWindow="-15" windowWidth="14430" windowHeight="12780" tabRatio="828"/>
  </bookViews>
  <sheets>
    <sheet name="Ｒ２年1・3次" sheetId="35" r:id="rId1"/>
    <sheet name="R２年2次" sheetId="36" r:id="rId2"/>
  </sheets>
  <calcPr calcId="162913"/>
</workbook>
</file>

<file path=xl/sharedStrings.xml><?xml version="1.0" encoding="utf-8"?>
<sst xmlns="http://schemas.openxmlformats.org/spreadsheetml/2006/main" count="170" uniqueCount="126">
  <si>
    <t>科目</t>
    <rPh sb="0" eb="2">
      <t>カモク</t>
    </rPh>
    <phoneticPr fontId="1"/>
  </si>
  <si>
    <t>小学校</t>
    <rPh sb="0" eb="3">
      <t>ショウガッコウ</t>
    </rPh>
    <phoneticPr fontId="1"/>
  </si>
  <si>
    <t>国語</t>
    <rPh sb="0" eb="2">
      <t>コクゴ</t>
    </rPh>
    <phoneticPr fontId="1"/>
  </si>
  <si>
    <t>社会</t>
    <rPh sb="0" eb="2">
      <t>シャカイ</t>
    </rPh>
    <phoneticPr fontId="1"/>
  </si>
  <si>
    <t>数学</t>
    <rPh sb="0" eb="2">
      <t>スウガク</t>
    </rPh>
    <phoneticPr fontId="1"/>
  </si>
  <si>
    <t>理科</t>
    <rPh sb="0" eb="2">
      <t>リカ</t>
    </rPh>
    <phoneticPr fontId="1"/>
  </si>
  <si>
    <t>音楽</t>
    <rPh sb="0" eb="2">
      <t>オンガク</t>
    </rPh>
    <phoneticPr fontId="1"/>
  </si>
  <si>
    <t>美術</t>
    <rPh sb="0" eb="2">
      <t>ビジュツ</t>
    </rPh>
    <phoneticPr fontId="1"/>
  </si>
  <si>
    <t>保健体育</t>
    <rPh sb="0" eb="2">
      <t>ホケン</t>
    </rPh>
    <rPh sb="2" eb="4">
      <t>タイイク</t>
    </rPh>
    <phoneticPr fontId="1"/>
  </si>
  <si>
    <t>技術</t>
    <rPh sb="0" eb="2">
      <t>ギジュツ</t>
    </rPh>
    <phoneticPr fontId="1"/>
  </si>
  <si>
    <t>家庭</t>
    <rPh sb="0" eb="2">
      <t>カテイ</t>
    </rPh>
    <phoneticPr fontId="1"/>
  </si>
  <si>
    <t>英語</t>
    <rPh sb="0" eb="2">
      <t>エイゴ</t>
    </rPh>
    <phoneticPr fontId="1"/>
  </si>
  <si>
    <t>高等学校</t>
    <rPh sb="0" eb="2">
      <t>コウトウ</t>
    </rPh>
    <rPh sb="2" eb="4">
      <t>ガッコウ</t>
    </rPh>
    <phoneticPr fontId="1"/>
  </si>
  <si>
    <t>世界史</t>
    <rPh sb="0" eb="3">
      <t>セカイシ</t>
    </rPh>
    <phoneticPr fontId="1"/>
  </si>
  <si>
    <t>物理</t>
    <rPh sb="0" eb="2">
      <t>ブツリ</t>
    </rPh>
    <phoneticPr fontId="1"/>
  </si>
  <si>
    <t>生物</t>
    <rPh sb="0" eb="2">
      <t>セイブツ</t>
    </rPh>
    <phoneticPr fontId="1"/>
  </si>
  <si>
    <t>農業</t>
    <rPh sb="0" eb="2">
      <t>ノウギョウ</t>
    </rPh>
    <phoneticPr fontId="1"/>
  </si>
  <si>
    <t>商業</t>
    <rPh sb="0" eb="2">
      <t>ショウギョウ</t>
    </rPh>
    <phoneticPr fontId="1"/>
  </si>
  <si>
    <t>情報</t>
    <rPh sb="0" eb="2">
      <t>ジョウホウ</t>
    </rPh>
    <phoneticPr fontId="1"/>
  </si>
  <si>
    <t>養護教諭</t>
    <rPh sb="0" eb="2">
      <t>ヨウゴ</t>
    </rPh>
    <rPh sb="2" eb="4">
      <t>キョウユ</t>
    </rPh>
    <phoneticPr fontId="1"/>
  </si>
  <si>
    <t>実技試験</t>
    <rPh sb="0" eb="2">
      <t>ジツギ</t>
    </rPh>
    <rPh sb="2" eb="4">
      <t>シケン</t>
    </rPh>
    <phoneticPr fontId="1"/>
  </si>
  <si>
    <t>機械</t>
    <rPh sb="0" eb="2">
      <t>キカイ</t>
    </rPh>
    <phoneticPr fontId="1"/>
  </si>
  <si>
    <t>電気</t>
    <rPh sb="0" eb="2">
      <t>デンキ</t>
    </rPh>
    <phoneticPr fontId="1"/>
  </si>
  <si>
    <t>中学校</t>
    <rPh sb="0" eb="3">
      <t>チュウガッコウ</t>
    </rPh>
    <phoneticPr fontId="1"/>
  </si>
  <si>
    <t>日本史</t>
    <rPh sb="0" eb="3">
      <t>ニホンシ</t>
    </rPh>
    <phoneticPr fontId="1"/>
  </si>
  <si>
    <t>地理</t>
    <rPh sb="0" eb="2">
      <t>チリ</t>
    </rPh>
    <phoneticPr fontId="1"/>
  </si>
  <si>
    <t>化学</t>
    <rPh sb="0" eb="2">
      <t>カガク</t>
    </rPh>
    <phoneticPr fontId="1"/>
  </si>
  <si>
    <t>小論文</t>
    <rPh sb="0" eb="3">
      <t>ショウロンブン</t>
    </rPh>
    <phoneticPr fontId="1"/>
  </si>
  <si>
    <t>特別支援</t>
    <rPh sb="0" eb="2">
      <t>トクベツ</t>
    </rPh>
    <rPh sb="2" eb="4">
      <t>シエン</t>
    </rPh>
    <phoneticPr fontId="1"/>
  </si>
  <si>
    <t>中学部</t>
    <rPh sb="0" eb="3">
      <t>チュウガクブ</t>
    </rPh>
    <phoneticPr fontId="1"/>
  </si>
  <si>
    <t>小学部</t>
    <rPh sb="0" eb="2">
      <t>ショウガク</t>
    </rPh>
    <rPh sb="2" eb="3">
      <t>ブ</t>
    </rPh>
    <phoneticPr fontId="1"/>
  </si>
  <si>
    <t>高等部</t>
    <rPh sb="0" eb="2">
      <t>コウトウ</t>
    </rPh>
    <rPh sb="2" eb="3">
      <t>ブ</t>
    </rPh>
    <phoneticPr fontId="1"/>
  </si>
  <si>
    <t>問題枚数</t>
    <rPh sb="0" eb="2">
      <t>モンダイ</t>
    </rPh>
    <rPh sb="2" eb="4">
      <t>マイスウ</t>
    </rPh>
    <phoneticPr fontId="1"/>
  </si>
  <si>
    <t>面接</t>
    <rPh sb="0" eb="2">
      <t>メンセツ</t>
    </rPh>
    <phoneticPr fontId="1"/>
  </si>
  <si>
    <t>体育</t>
    <rPh sb="0" eb="2">
      <t>タイイク</t>
    </rPh>
    <phoneticPr fontId="1"/>
  </si>
  <si>
    <t>模範解答例・評価基準枚数</t>
    <rPh sb="0" eb="2">
      <t>モハン</t>
    </rPh>
    <rPh sb="2" eb="4">
      <t>カイトウ</t>
    </rPh>
    <rPh sb="4" eb="5">
      <t>レイ</t>
    </rPh>
    <rPh sb="6" eb="8">
      <t>ヒョウカ</t>
    </rPh>
    <rPh sb="8" eb="10">
      <t>キジュン</t>
    </rPh>
    <rPh sb="10" eb="12">
      <t>マイスウ</t>
    </rPh>
    <phoneticPr fontId="1"/>
  </si>
  <si>
    <t>評価基準</t>
    <rPh sb="0" eb="2">
      <t>ヒョウカ</t>
    </rPh>
    <rPh sb="2" eb="4">
      <t>キジュン</t>
    </rPh>
    <phoneticPr fontId="1"/>
  </si>
  <si>
    <t>解答・配点枚数</t>
    <rPh sb="0" eb="2">
      <t>カイトウ</t>
    </rPh>
    <rPh sb="3" eb="5">
      <t>ハイテン</t>
    </rPh>
    <rPh sb="5" eb="7">
      <t>マイスウ</t>
    </rPh>
    <phoneticPr fontId="1"/>
  </si>
  <si>
    <t>教養試験</t>
    <rPh sb="0" eb="2">
      <t>キョウヨウ</t>
    </rPh>
    <rPh sb="2" eb="4">
      <t>シケン</t>
    </rPh>
    <phoneticPr fontId="1"/>
  </si>
  <si>
    <t>中学　社会</t>
    <rPh sb="0" eb="2">
      <t>チュウガク</t>
    </rPh>
    <rPh sb="3" eb="5">
      <t>シャカイ</t>
    </rPh>
    <phoneticPr fontId="1"/>
  </si>
  <si>
    <t>中学　理科</t>
    <rPh sb="0" eb="2">
      <t>チュウガク</t>
    </rPh>
    <rPh sb="3" eb="5">
      <t>リカ</t>
    </rPh>
    <phoneticPr fontId="1"/>
  </si>
  <si>
    <t>中学　技術</t>
    <rPh sb="0" eb="2">
      <t>チュウガク</t>
    </rPh>
    <rPh sb="3" eb="5">
      <t>ギジュツ</t>
    </rPh>
    <phoneticPr fontId="1"/>
  </si>
  <si>
    <t>中高　国語</t>
    <rPh sb="0" eb="2">
      <t>チュウコウ</t>
    </rPh>
    <rPh sb="3" eb="5">
      <t>コクゴ</t>
    </rPh>
    <phoneticPr fontId="1"/>
  </si>
  <si>
    <t>中高　数学</t>
    <rPh sb="0" eb="2">
      <t>チュウコウ</t>
    </rPh>
    <rPh sb="3" eb="5">
      <t>スウガク</t>
    </rPh>
    <phoneticPr fontId="1"/>
  </si>
  <si>
    <t>中高　音楽</t>
    <rPh sb="0" eb="2">
      <t>チュウコウ</t>
    </rPh>
    <rPh sb="3" eb="5">
      <t>オンガク</t>
    </rPh>
    <phoneticPr fontId="1"/>
  </si>
  <si>
    <t>中高　美術</t>
    <rPh sb="0" eb="2">
      <t>チュウコウ</t>
    </rPh>
    <rPh sb="3" eb="5">
      <t>ビジュツ</t>
    </rPh>
    <phoneticPr fontId="1"/>
  </si>
  <si>
    <t>高校　世界史</t>
    <rPh sb="0" eb="2">
      <t>コウコウ</t>
    </rPh>
    <rPh sb="3" eb="6">
      <t>セカイシ</t>
    </rPh>
    <phoneticPr fontId="1"/>
  </si>
  <si>
    <t>高校　日本史</t>
    <rPh sb="0" eb="2">
      <t>コウコウ</t>
    </rPh>
    <rPh sb="3" eb="6">
      <t>ニホンシ</t>
    </rPh>
    <phoneticPr fontId="1"/>
  </si>
  <si>
    <t>高校　地理</t>
    <rPh sb="0" eb="2">
      <t>コウコウ</t>
    </rPh>
    <rPh sb="3" eb="5">
      <t>チリ</t>
    </rPh>
    <phoneticPr fontId="1"/>
  </si>
  <si>
    <t>高校　化学</t>
    <rPh sb="0" eb="2">
      <t>コウコウ</t>
    </rPh>
    <rPh sb="3" eb="5">
      <t>カガク</t>
    </rPh>
    <phoneticPr fontId="1"/>
  </si>
  <si>
    <t>高校　生物</t>
    <rPh sb="0" eb="2">
      <t>コウコウ</t>
    </rPh>
    <rPh sb="3" eb="5">
      <t>セイブツ</t>
    </rPh>
    <phoneticPr fontId="1"/>
  </si>
  <si>
    <t>高校　農業</t>
    <rPh sb="0" eb="2">
      <t>コウコウ</t>
    </rPh>
    <rPh sb="3" eb="5">
      <t>ノウギョウ</t>
    </rPh>
    <phoneticPr fontId="1"/>
  </si>
  <si>
    <t>高校　機械</t>
    <rPh sb="0" eb="2">
      <t>コウコウ</t>
    </rPh>
    <rPh sb="3" eb="5">
      <t>キカイ</t>
    </rPh>
    <phoneticPr fontId="1"/>
  </si>
  <si>
    <t>高校　電気</t>
    <rPh sb="0" eb="2">
      <t>コウコウ</t>
    </rPh>
    <rPh sb="3" eb="5">
      <t>デンキ</t>
    </rPh>
    <phoneticPr fontId="1"/>
  </si>
  <si>
    <t>高校　商業</t>
    <rPh sb="0" eb="2">
      <t>コウコウ</t>
    </rPh>
    <rPh sb="3" eb="5">
      <t>ショウギョウ</t>
    </rPh>
    <phoneticPr fontId="1"/>
  </si>
  <si>
    <t>専門試験</t>
    <rPh sb="0" eb="2">
      <t>センモン</t>
    </rPh>
    <rPh sb="2" eb="4">
      <t>シケン</t>
    </rPh>
    <phoneticPr fontId="1"/>
  </si>
  <si>
    <t>高校　物理</t>
    <rPh sb="0" eb="2">
      <t>コウコウ</t>
    </rPh>
    <rPh sb="3" eb="5">
      <t>ブツリ</t>
    </rPh>
    <phoneticPr fontId="1"/>
  </si>
  <si>
    <t>特別選考Ⅱ（社会人特別選考）</t>
    <rPh sb="0" eb="2">
      <t>トクベツ</t>
    </rPh>
    <rPh sb="2" eb="4">
      <t>センコウ</t>
    </rPh>
    <rPh sb="6" eb="9">
      <t>シャカイジン</t>
    </rPh>
    <rPh sb="9" eb="11">
      <t>トクベツ</t>
    </rPh>
    <rPh sb="11" eb="13">
      <t>センコウ</t>
    </rPh>
    <phoneticPr fontId="1"/>
  </si>
  <si>
    <t>問題</t>
    <rPh sb="0" eb="2">
      <t>モンダイ</t>
    </rPh>
    <phoneticPr fontId="1"/>
  </si>
  <si>
    <t>学校種・科目</t>
    <rPh sb="0" eb="2">
      <t>ガッコウ</t>
    </rPh>
    <rPh sb="2" eb="3">
      <t>シュ</t>
    </rPh>
    <rPh sb="4" eb="6">
      <t>カモク</t>
    </rPh>
    <phoneticPr fontId="1"/>
  </si>
  <si>
    <t>2次実技試験　問題・評価基準</t>
    <rPh sb="1" eb="2">
      <t>ジ</t>
    </rPh>
    <rPh sb="2" eb="4">
      <t>ジツギ</t>
    </rPh>
    <rPh sb="4" eb="6">
      <t>シケン</t>
    </rPh>
    <rPh sb="7" eb="9">
      <t>モンダイ</t>
    </rPh>
    <rPh sb="10" eb="12">
      <t>ヒョウカ</t>
    </rPh>
    <rPh sb="12" eb="14">
      <t>キジュン</t>
    </rPh>
    <phoneticPr fontId="1"/>
  </si>
  <si>
    <t>2次試験　模擬授業テーマ・口頭試問概要</t>
    <rPh sb="1" eb="2">
      <t>ジ</t>
    </rPh>
    <rPh sb="2" eb="4">
      <t>シケン</t>
    </rPh>
    <rPh sb="5" eb="7">
      <t>モギ</t>
    </rPh>
    <rPh sb="7" eb="9">
      <t>ジュギョウ</t>
    </rPh>
    <rPh sb="13" eb="15">
      <t>コウトウ</t>
    </rPh>
    <rPh sb="15" eb="17">
      <t>シモン</t>
    </rPh>
    <rPh sb="17" eb="19">
      <t>ガイヨウ</t>
    </rPh>
    <phoneticPr fontId="1"/>
  </si>
  <si>
    <t>模擬授業枚数</t>
    <rPh sb="0" eb="2">
      <t>モギ</t>
    </rPh>
    <rPh sb="2" eb="4">
      <t>ジュギョウ</t>
    </rPh>
    <rPh sb="4" eb="6">
      <t>マイスウ</t>
    </rPh>
    <phoneticPr fontId="1"/>
  </si>
  <si>
    <t>口頭試問枚数</t>
    <rPh sb="0" eb="2">
      <t>コウトウ</t>
    </rPh>
    <rPh sb="2" eb="4">
      <t>シモン</t>
    </rPh>
    <rPh sb="4" eb="6">
      <t>マイスウ</t>
    </rPh>
    <phoneticPr fontId="1"/>
  </si>
  <si>
    <t>テーマ</t>
    <phoneticPr fontId="1"/>
  </si>
  <si>
    <t>　　　　面接Ⅰ（集団面接・集団討論）</t>
    <rPh sb="4" eb="6">
      <t>メンセツ</t>
    </rPh>
    <rPh sb="8" eb="10">
      <t>シュウダン</t>
    </rPh>
    <rPh sb="10" eb="12">
      <t>メンセツ</t>
    </rPh>
    <rPh sb="13" eb="15">
      <t>シュウダン</t>
    </rPh>
    <rPh sb="15" eb="17">
      <t>トウロン</t>
    </rPh>
    <phoneticPr fontId="1"/>
  </si>
  <si>
    <t>　　　　面接Ⅱ（個人面接）</t>
    <rPh sb="4" eb="6">
      <t>メンセツ</t>
    </rPh>
    <rPh sb="8" eb="10">
      <t>コジン</t>
    </rPh>
    <rPh sb="10" eb="12">
      <t>メンセツ</t>
    </rPh>
    <phoneticPr fontId="1"/>
  </si>
  <si>
    <t>合格者選考基準</t>
    <rPh sb="0" eb="3">
      <t>ゴウカクシャ</t>
    </rPh>
    <rPh sb="3" eb="5">
      <t>センコウ</t>
    </rPh>
    <rPh sb="5" eb="7">
      <t>キジュン</t>
    </rPh>
    <phoneticPr fontId="1"/>
  </si>
  <si>
    <t>１次・２次・３次</t>
    <rPh sb="1" eb="2">
      <t>ジ</t>
    </rPh>
    <rPh sb="4" eb="5">
      <t>ジ</t>
    </rPh>
    <rPh sb="7" eb="8">
      <t>ジ</t>
    </rPh>
    <phoneticPr fontId="1"/>
  </si>
  <si>
    <t>選考基準</t>
    <rPh sb="0" eb="2">
      <t>センコウ</t>
    </rPh>
    <rPh sb="2" eb="4">
      <t>キジュン</t>
    </rPh>
    <phoneticPr fontId="1"/>
  </si>
  <si>
    <t>１次選考</t>
    <rPh sb="1" eb="2">
      <t>ジ</t>
    </rPh>
    <rPh sb="2" eb="4">
      <t>センコウ</t>
    </rPh>
    <phoneticPr fontId="1"/>
  </si>
  <si>
    <t>３次選考</t>
    <rPh sb="1" eb="2">
      <t>ジ</t>
    </rPh>
    <rPh sb="2" eb="4">
      <t>センコウ</t>
    </rPh>
    <phoneticPr fontId="1"/>
  </si>
  <si>
    <t>公民</t>
    <rPh sb="0" eb="2">
      <t>コウミン</t>
    </rPh>
    <phoneticPr fontId="1"/>
  </si>
  <si>
    <t>高校　公民</t>
    <rPh sb="0" eb="2">
      <t>コウコウ</t>
    </rPh>
    <rPh sb="3" eb="5">
      <t>コウミン</t>
    </rPh>
    <phoneticPr fontId="1"/>
  </si>
  <si>
    <t>高校　情報</t>
    <rPh sb="0" eb="2">
      <t>コウコウ</t>
    </rPh>
    <rPh sb="3" eb="5">
      <t>ジョウホウ</t>
    </rPh>
    <phoneticPr fontId="1"/>
  </si>
  <si>
    <t>中高　家庭</t>
    <rPh sb="0" eb="2">
      <t>チュウコウ</t>
    </rPh>
    <rPh sb="3" eb="5">
      <t>カテイ</t>
    </rPh>
    <phoneticPr fontId="1"/>
  </si>
  <si>
    <t>評価</t>
    <rPh sb="0" eb="2">
      <t>ヒョウカ</t>
    </rPh>
    <phoneticPr fontId="1"/>
  </si>
  <si>
    <t>スペシャリスト特別選考</t>
    <rPh sb="7" eb="9">
      <t>トクベツ</t>
    </rPh>
    <rPh sb="9" eb="11">
      <t>センコウ</t>
    </rPh>
    <phoneticPr fontId="1"/>
  </si>
  <si>
    <t>プレゼンテーション</t>
    <phoneticPr fontId="1"/>
  </si>
  <si>
    <t>　　　　　　　　　　</t>
    <phoneticPr fontId="1"/>
  </si>
  <si>
    <t>　　　　　　　　　　　　</t>
    <phoneticPr fontId="1"/>
  </si>
  <si>
    <t>養護教諭（場面指導）</t>
    <rPh sb="0" eb="2">
      <t>ヨウゴ</t>
    </rPh>
    <rPh sb="2" eb="4">
      <t>キョウユ</t>
    </rPh>
    <rPh sb="5" eb="7">
      <t>バメン</t>
    </rPh>
    <rPh sb="7" eb="9">
      <t>シドウ</t>
    </rPh>
    <phoneticPr fontId="1"/>
  </si>
  <si>
    <t>評価について</t>
    <rPh sb="0" eb="2">
      <t>ヒョウカ</t>
    </rPh>
    <phoneticPr fontId="1"/>
  </si>
  <si>
    <t>模擬授業及び口頭試問評価について</t>
    <rPh sb="0" eb="2">
      <t>モギ</t>
    </rPh>
    <rPh sb="2" eb="4">
      <t>ジュギョウ</t>
    </rPh>
    <rPh sb="4" eb="5">
      <t>オヨ</t>
    </rPh>
    <rPh sb="6" eb="8">
      <t>コウトウ</t>
    </rPh>
    <rPh sb="8" eb="10">
      <t>シモン</t>
    </rPh>
    <rPh sb="10" eb="12">
      <t>ヒョウカ</t>
    </rPh>
    <phoneticPr fontId="1"/>
  </si>
  <si>
    <t>模擬授業及び口頭試問評価票</t>
    <rPh sb="0" eb="2">
      <t>モギ</t>
    </rPh>
    <rPh sb="2" eb="4">
      <t>ジュギョウ</t>
    </rPh>
    <rPh sb="4" eb="5">
      <t>オヨ</t>
    </rPh>
    <rPh sb="6" eb="8">
      <t>コウトウ</t>
    </rPh>
    <rPh sb="8" eb="10">
      <t>シモン</t>
    </rPh>
    <rPh sb="10" eb="12">
      <t>ヒョウカ</t>
    </rPh>
    <rPh sb="12" eb="13">
      <t>ヒョウ</t>
    </rPh>
    <phoneticPr fontId="1"/>
  </si>
  <si>
    <t>場面指導及び口頭試問評価について</t>
    <rPh sb="0" eb="2">
      <t>バメン</t>
    </rPh>
    <rPh sb="2" eb="4">
      <t>シドウ</t>
    </rPh>
    <rPh sb="4" eb="5">
      <t>オヨ</t>
    </rPh>
    <rPh sb="6" eb="8">
      <t>コウトウ</t>
    </rPh>
    <rPh sb="8" eb="10">
      <t>シモン</t>
    </rPh>
    <rPh sb="10" eb="12">
      <t>ヒョウカ</t>
    </rPh>
    <phoneticPr fontId="1"/>
  </si>
  <si>
    <t>場面指導及び口頭試問評価票</t>
    <rPh sb="0" eb="2">
      <t>バメン</t>
    </rPh>
    <rPh sb="2" eb="4">
      <t>シドウ</t>
    </rPh>
    <rPh sb="4" eb="5">
      <t>オヨ</t>
    </rPh>
    <rPh sb="6" eb="8">
      <t>コウトウ</t>
    </rPh>
    <rPh sb="8" eb="10">
      <t>シモン</t>
    </rPh>
    <rPh sb="10" eb="12">
      <t>ヒョウカ</t>
    </rPh>
    <rPh sb="12" eb="13">
      <t>ヒョウ</t>
    </rPh>
    <phoneticPr fontId="1"/>
  </si>
  <si>
    <t>高校　土木</t>
    <rPh sb="0" eb="2">
      <t>コウコウ</t>
    </rPh>
    <rPh sb="3" eb="5">
      <t>ドボク</t>
    </rPh>
    <phoneticPr fontId="1"/>
  </si>
  <si>
    <t>土木</t>
    <rPh sb="0" eb="2">
      <t>ドボク</t>
    </rPh>
    <phoneticPr fontId="1"/>
  </si>
  <si>
    <t>特別支援学校</t>
    <rPh sb="0" eb="2">
      <t>トクベツ</t>
    </rPh>
    <rPh sb="2" eb="4">
      <t>シエン</t>
    </rPh>
    <rPh sb="4" eb="6">
      <t>ガッコウ</t>
    </rPh>
    <phoneticPr fontId="1"/>
  </si>
  <si>
    <t>問題・模範解答・配点</t>
    <rPh sb="0" eb="2">
      <t>モンダイ</t>
    </rPh>
    <rPh sb="3" eb="5">
      <t>モハン</t>
    </rPh>
    <rPh sb="5" eb="7">
      <t>カイトウ</t>
    </rPh>
    <rPh sb="8" eb="10">
      <t>ハイテン</t>
    </rPh>
    <phoneticPr fontId="1"/>
  </si>
  <si>
    <t>中高　保体</t>
    <rPh sb="0" eb="2">
      <t>チュウコウ</t>
    </rPh>
    <rPh sb="3" eb="5">
      <t>ホタイ</t>
    </rPh>
    <phoneticPr fontId="1"/>
  </si>
  <si>
    <t>　　　　　　中高　保健体育実技</t>
    <rPh sb="6" eb="8">
      <t>チュウコウ</t>
    </rPh>
    <rPh sb="9" eb="11">
      <t>ホケン</t>
    </rPh>
    <rPh sb="11" eb="13">
      <t>タイイク</t>
    </rPh>
    <rPh sb="13" eb="15">
      <t>ジツギ</t>
    </rPh>
    <phoneticPr fontId="1"/>
  </si>
  <si>
    <t>　　　　　　中高　美術実技</t>
    <rPh sb="6" eb="8">
      <t>チュウコウ</t>
    </rPh>
    <rPh sb="9" eb="11">
      <t>ビジュツ</t>
    </rPh>
    <rPh sb="11" eb="13">
      <t>ジツギ</t>
    </rPh>
    <phoneticPr fontId="1"/>
  </si>
  <si>
    <t>高校　書道</t>
    <rPh sb="0" eb="2">
      <t>コウコウ</t>
    </rPh>
    <rPh sb="3" eb="5">
      <t>ショドウ</t>
    </rPh>
    <phoneticPr fontId="1"/>
  </si>
  <si>
    <t>高校　建築</t>
    <rPh sb="0" eb="2">
      <t>コウコウ</t>
    </rPh>
    <rPh sb="3" eb="5">
      <t>ケンチク</t>
    </rPh>
    <phoneticPr fontId="1"/>
  </si>
  <si>
    <t>高校　工業化学</t>
    <rPh sb="0" eb="2">
      <t>コウコウ</t>
    </rPh>
    <rPh sb="3" eb="5">
      <t>コウギョウ</t>
    </rPh>
    <rPh sb="5" eb="7">
      <t>カガク</t>
    </rPh>
    <phoneticPr fontId="1"/>
  </si>
  <si>
    <t>栄養教諭</t>
    <rPh sb="0" eb="2">
      <t>エイヨウ</t>
    </rPh>
    <rPh sb="2" eb="4">
      <t>キョウユ</t>
    </rPh>
    <phoneticPr fontId="1"/>
  </si>
  <si>
    <t>　　　　　　中高　音楽実技</t>
    <rPh sb="6" eb="8">
      <t>チュウコウ</t>
    </rPh>
    <rPh sb="9" eb="11">
      <t>オンガク</t>
    </rPh>
    <rPh sb="11" eb="13">
      <t>ジツギ</t>
    </rPh>
    <phoneticPr fontId="1"/>
  </si>
  <si>
    <t>　　　　　　高校　書道実技</t>
    <rPh sb="6" eb="8">
      <t>コウコウ</t>
    </rPh>
    <rPh sb="9" eb="11">
      <t>ショドウ</t>
    </rPh>
    <rPh sb="11" eb="13">
      <t>ジツギ</t>
    </rPh>
    <phoneticPr fontId="1"/>
  </si>
  <si>
    <t>書道</t>
    <rPh sb="0" eb="2">
      <t>ショドウ</t>
    </rPh>
    <phoneticPr fontId="1"/>
  </si>
  <si>
    <t>建築</t>
    <rPh sb="0" eb="2">
      <t>ケンチク</t>
    </rPh>
    <phoneticPr fontId="1"/>
  </si>
  <si>
    <t>工業化学</t>
    <rPh sb="0" eb="2">
      <t>コウギョウ</t>
    </rPh>
    <rPh sb="2" eb="4">
      <t>カガク</t>
    </rPh>
    <phoneticPr fontId="1"/>
  </si>
  <si>
    <t>小中連携中高　英語</t>
    <rPh sb="0" eb="2">
      <t>ショウチュウ</t>
    </rPh>
    <rPh sb="2" eb="4">
      <t>レンケイ</t>
    </rPh>
    <rPh sb="4" eb="6">
      <t>チュウコウ</t>
    </rPh>
    <rPh sb="7" eb="9">
      <t>エイゴ</t>
    </rPh>
    <phoneticPr fontId="1"/>
  </si>
  <si>
    <t>高校　水産</t>
    <rPh sb="0" eb="2">
      <t>コウコウ</t>
    </rPh>
    <rPh sb="3" eb="5">
      <t>スイサン</t>
    </rPh>
    <phoneticPr fontId="1"/>
  </si>
  <si>
    <t>小中連携教諭</t>
    <rPh sb="0" eb="2">
      <t>ショウチュウ</t>
    </rPh>
    <rPh sb="2" eb="4">
      <t>レンケイ</t>
    </rPh>
    <rPh sb="4" eb="6">
      <t>キョウユ</t>
    </rPh>
    <phoneticPr fontId="1"/>
  </si>
  <si>
    <t>小中学校連携教諭</t>
    <rPh sb="0" eb="4">
      <t>ショウチュウガッコウ</t>
    </rPh>
    <rPh sb="4" eb="6">
      <t>レンケイ</t>
    </rPh>
    <rPh sb="6" eb="8">
      <t>キョウユ</t>
    </rPh>
    <phoneticPr fontId="1"/>
  </si>
  <si>
    <t>水産【航海】</t>
    <rPh sb="0" eb="2">
      <t>スイサン</t>
    </rPh>
    <rPh sb="3" eb="5">
      <t>コウカイ</t>
    </rPh>
    <phoneticPr fontId="1"/>
  </si>
  <si>
    <t>令和２年度</t>
    <rPh sb="0" eb="1">
      <t>レイ</t>
    </rPh>
    <rPh sb="1" eb="2">
      <t>ワ</t>
    </rPh>
    <rPh sb="3" eb="5">
      <t>ネンド</t>
    </rPh>
    <phoneticPr fontId="1"/>
  </si>
  <si>
    <t>整理番号</t>
    <rPh sb="0" eb="2">
      <t>セイリ</t>
    </rPh>
    <rPh sb="2" eb="4">
      <t>バンゴウ</t>
    </rPh>
    <phoneticPr fontId="1"/>
  </si>
  <si>
    <t>整理番号</t>
    <rPh sb="0" eb="2">
      <t>セイリ</t>
    </rPh>
    <rPh sb="2" eb="4">
      <t>バンゴウ</t>
    </rPh>
    <phoneticPr fontId="1"/>
  </si>
  <si>
    <t>整理番号</t>
    <rPh sb="0" eb="2">
      <t>セイリ</t>
    </rPh>
    <rPh sb="2" eb="4">
      <t>バンゴウ</t>
    </rPh>
    <phoneticPr fontId="1"/>
  </si>
  <si>
    <t>英語</t>
    <rPh sb="0" eb="2">
      <t>エイゴ</t>
    </rPh>
    <phoneticPr fontId="1"/>
  </si>
  <si>
    <t>○</t>
    <phoneticPr fontId="1"/>
  </si>
  <si>
    <t>必要な科目の枚数左横の空欄に○を入れてください</t>
    <phoneticPr fontId="1"/>
  </si>
  <si>
    <t>○</t>
    <phoneticPr fontId="1"/>
  </si>
  <si>
    <t>　　　　必要な科目の枚数左横の空欄に○を入れてください</t>
    <phoneticPr fontId="1"/>
  </si>
  <si>
    <t>教諭評価用</t>
    <rPh sb="0" eb="2">
      <t>キョウユ</t>
    </rPh>
    <rPh sb="2" eb="4">
      <t>ヒョウカ</t>
    </rPh>
    <rPh sb="4" eb="5">
      <t>ヨウ</t>
    </rPh>
    <phoneticPr fontId="1"/>
  </si>
  <si>
    <t>養護教諭評価用</t>
    <rPh sb="0" eb="2">
      <t>ヨウゴ</t>
    </rPh>
    <rPh sb="2" eb="4">
      <t>キョウユ</t>
    </rPh>
    <rPh sb="4" eb="6">
      <t>ヒョウカ</t>
    </rPh>
    <rPh sb="6" eb="7">
      <t>ヨウ</t>
    </rPh>
    <phoneticPr fontId="1"/>
  </si>
  <si>
    <r>
      <t>　　　　</t>
    </r>
    <r>
      <rPr>
        <b/>
        <sz val="14"/>
        <color rgb="FFFF0000"/>
        <rFont val="ＭＳ Ｐゴシック"/>
        <family val="3"/>
        <charset val="128"/>
      </rPr>
      <t>令和２年度</t>
    </r>
    <r>
      <rPr>
        <b/>
        <sz val="14"/>
        <rFont val="ＭＳ Ｐゴシック"/>
        <family val="3"/>
        <charset val="128"/>
      </rPr>
      <t>　大分県公立学校教員採用選考</t>
    </r>
    <r>
      <rPr>
        <b/>
        <sz val="14"/>
        <color rgb="FFFF0000"/>
        <rFont val="ＭＳ Ｐゴシック"/>
        <family val="3"/>
        <charset val="128"/>
      </rPr>
      <t>２次試験</t>
    </r>
    <rPh sb="4" eb="6">
      <t>レイワ</t>
    </rPh>
    <rPh sb="7" eb="9">
      <t>ネンド</t>
    </rPh>
    <rPh sb="10" eb="13">
      <t>オオイタケン</t>
    </rPh>
    <rPh sb="13" eb="15">
      <t>コウリツ</t>
    </rPh>
    <rPh sb="15" eb="17">
      <t>ガッコウ</t>
    </rPh>
    <rPh sb="17" eb="19">
      <t>キョウイン</t>
    </rPh>
    <rPh sb="19" eb="21">
      <t>サイヨウ</t>
    </rPh>
    <rPh sb="21" eb="23">
      <t>センコウ</t>
    </rPh>
    <rPh sb="24" eb="25">
      <t>ジ</t>
    </rPh>
    <rPh sb="25" eb="27">
      <t>シケン</t>
    </rPh>
    <phoneticPr fontId="1"/>
  </si>
  <si>
    <t>※１次教養・専門・実技、３次面接は別のシートです</t>
    <rPh sb="9" eb="11">
      <t>ジツギ</t>
    </rPh>
    <rPh sb="17" eb="18">
      <t>ベツ</t>
    </rPh>
    <phoneticPr fontId="1"/>
  </si>
  <si>
    <r>
      <rPr>
        <b/>
        <sz val="16"/>
        <color rgb="FFFF0000"/>
        <rFont val="ＭＳ Ｐゴシック"/>
        <family val="3"/>
        <charset val="128"/>
      </rPr>
      <t>令和２年度</t>
    </r>
    <r>
      <rPr>
        <b/>
        <sz val="16"/>
        <rFont val="ＭＳ Ｐゴシック"/>
        <family val="3"/>
        <charset val="128"/>
      </rPr>
      <t>　大分県公立学校教員採用選考</t>
    </r>
    <r>
      <rPr>
        <b/>
        <sz val="16"/>
        <color rgb="FFFF0000"/>
        <rFont val="ＭＳ Ｐゴシック"/>
        <family val="3"/>
        <charset val="128"/>
      </rPr>
      <t>1次・３次</t>
    </r>
    <rPh sb="0" eb="1">
      <t>レイ</t>
    </rPh>
    <rPh sb="1" eb="2">
      <t>ワ</t>
    </rPh>
    <rPh sb="3" eb="5">
      <t>ネンド</t>
    </rPh>
    <rPh sb="6" eb="9">
      <t>オオイタケン</t>
    </rPh>
    <rPh sb="9" eb="11">
      <t>コウリツ</t>
    </rPh>
    <rPh sb="11" eb="13">
      <t>ガッコウ</t>
    </rPh>
    <rPh sb="13" eb="15">
      <t>キョウイン</t>
    </rPh>
    <rPh sb="15" eb="17">
      <t>サイヨウ</t>
    </rPh>
    <rPh sb="17" eb="19">
      <t>センコウ</t>
    </rPh>
    <rPh sb="20" eb="21">
      <t>ジ</t>
    </rPh>
    <rPh sb="23" eb="24">
      <t>ジ</t>
    </rPh>
    <phoneticPr fontId="1"/>
  </si>
  <si>
    <t>※２次実技・模擬・口頭試問は別のシートです</t>
  </si>
  <si>
    <t>公開不可</t>
    <rPh sb="0" eb="2">
      <t>コウカイ</t>
    </rPh>
    <rPh sb="2" eb="4">
      <t>フカ</t>
    </rPh>
    <phoneticPr fontId="1"/>
  </si>
  <si>
    <t>令和７年度１次の試験問題を公開したため、令和２年度１次は公開不可</t>
    <rPh sb="0" eb="2">
      <t>レイワ</t>
    </rPh>
    <rPh sb="3" eb="5">
      <t>ネンド</t>
    </rPh>
    <rPh sb="6" eb="7">
      <t>ジ</t>
    </rPh>
    <rPh sb="8" eb="10">
      <t>シケン</t>
    </rPh>
    <rPh sb="10" eb="12">
      <t>モンダイ</t>
    </rPh>
    <rPh sb="13" eb="15">
      <t>コウカイ</t>
    </rPh>
    <rPh sb="20" eb="22">
      <t>レイワ</t>
    </rPh>
    <rPh sb="23" eb="25">
      <t>ネンド</t>
    </rPh>
    <rPh sb="26" eb="27">
      <t>ジ</t>
    </rPh>
    <rPh sb="28" eb="30">
      <t>コウカイ</t>
    </rPh>
    <rPh sb="30" eb="32">
      <t>フカ</t>
    </rPh>
    <phoneticPr fontId="1"/>
  </si>
  <si>
    <t>令和７年度１次の試験問題を公開したため、令和２年度１次は公開不可</t>
    <rPh sb="26" eb="27">
      <t>ジ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14"/>
      <color rgb="FFFF0000"/>
      <name val="ＭＳ Ｐゴシック"/>
      <family val="3"/>
      <charset val="128"/>
    </font>
    <font>
      <b/>
      <sz val="16"/>
      <color rgb="FFFF0000"/>
      <name val="ＭＳ Ｐゴシック"/>
      <family val="3"/>
      <charset val="128"/>
    </font>
    <font>
      <sz val="10"/>
      <name val="ＭＳ Ｐ明朝"/>
      <family val="1"/>
      <charset val="128"/>
    </font>
    <font>
      <sz val="9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6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 diagonalUp="1"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>
      <left/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medium">
        <color indexed="64"/>
      </top>
      <bottom style="thin">
        <color indexed="64"/>
      </bottom>
      <diagonal/>
    </border>
    <border diagonalUp="1">
      <left/>
      <right/>
      <top/>
      <bottom style="medium">
        <color indexed="64"/>
      </bottom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>
      <left style="medium">
        <color indexed="64"/>
      </left>
      <right/>
      <top/>
      <bottom/>
      <diagonal/>
    </border>
  </borders>
  <cellStyleXfs count="1">
    <xf numFmtId="0" fontId="0" fillId="0" borderId="0">
      <alignment vertical="center"/>
    </xf>
  </cellStyleXfs>
  <cellXfs count="203">
    <xf numFmtId="0" fontId="0" fillId="0" borderId="0" xfId="0">
      <alignment vertical="center"/>
    </xf>
    <xf numFmtId="0" fontId="0" fillId="0" borderId="0" xfId="0" applyFont="1" applyFill="1" applyBorder="1" applyAlignment="1">
      <alignment horizontal="center" vertical="center"/>
    </xf>
    <xf numFmtId="0" fontId="0" fillId="0" borderId="0" xfId="0" applyFont="1">
      <alignment vertical="center"/>
    </xf>
    <xf numFmtId="0" fontId="0" fillId="0" borderId="0" xfId="0" applyFont="1" applyFill="1">
      <alignment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4" fillId="0" borderId="0" xfId="0" applyFont="1" applyBorder="1" applyAlignment="1">
      <alignment horizontal="center" vertical="center"/>
    </xf>
    <xf numFmtId="0" fontId="4" fillId="0" borderId="0" xfId="0" applyFont="1" applyBorder="1">
      <alignment vertical="center"/>
    </xf>
    <xf numFmtId="0" fontId="4" fillId="0" borderId="3" xfId="0" applyFont="1" applyBorder="1" applyAlignment="1">
      <alignment horizontal="center" vertical="center"/>
    </xf>
    <xf numFmtId="0" fontId="4" fillId="0" borderId="0" xfId="0" applyFont="1" applyBorder="1" applyAlignment="1">
      <alignment horizontal="left" vertical="center"/>
    </xf>
    <xf numFmtId="0" fontId="3" fillId="0" borderId="0" xfId="0" applyFont="1" applyAlignment="1">
      <alignment horizontal="left" vertical="center"/>
    </xf>
    <xf numFmtId="0" fontId="3" fillId="0" borderId="0" xfId="0" applyFont="1" applyBorder="1" applyAlignment="1">
      <alignment vertical="center"/>
    </xf>
    <xf numFmtId="0" fontId="4" fillId="0" borderId="0" xfId="0" applyFont="1" applyAlignment="1">
      <alignment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3" fillId="0" borderId="0" xfId="0" applyFont="1" applyAlignment="1">
      <alignment vertical="center"/>
    </xf>
    <xf numFmtId="0" fontId="3" fillId="0" borderId="0" xfId="0" applyFont="1" applyBorder="1" applyAlignment="1">
      <alignment horizontal="left" vertical="center"/>
    </xf>
    <xf numFmtId="0" fontId="4" fillId="0" borderId="29" xfId="0" applyFont="1" applyBorder="1" applyAlignment="1">
      <alignment horizontal="left" vertical="center"/>
    </xf>
    <xf numFmtId="0" fontId="4" fillId="0" borderId="30" xfId="0" applyFont="1" applyBorder="1" applyAlignment="1">
      <alignment horizontal="left" vertical="center"/>
    </xf>
    <xf numFmtId="0" fontId="4" fillId="0" borderId="15" xfId="0" applyFont="1" applyBorder="1" applyAlignment="1">
      <alignment horizontal="center" vertical="center"/>
    </xf>
    <xf numFmtId="0" fontId="4" fillId="0" borderId="31" xfId="0" applyFont="1" applyBorder="1" applyAlignment="1">
      <alignment horizontal="center" vertical="center"/>
    </xf>
    <xf numFmtId="0" fontId="4" fillId="0" borderId="32" xfId="0" applyFont="1" applyBorder="1" applyAlignment="1">
      <alignment horizontal="center" vertical="center"/>
    </xf>
    <xf numFmtId="0" fontId="4" fillId="0" borderId="11" xfId="0" applyFont="1" applyFill="1" applyBorder="1" applyAlignment="1">
      <alignment horizontal="left" vertical="center"/>
    </xf>
    <xf numFmtId="0" fontId="4" fillId="0" borderId="6" xfId="0" applyFont="1" applyFill="1" applyBorder="1" applyAlignment="1">
      <alignment horizontal="left" vertical="center"/>
    </xf>
    <xf numFmtId="0" fontId="4" fillId="0" borderId="6" xfId="0" applyFont="1" applyFill="1" applyBorder="1" applyAlignment="1">
      <alignment vertical="center"/>
    </xf>
    <xf numFmtId="0" fontId="4" fillId="0" borderId="14" xfId="0" applyFont="1" applyFill="1" applyBorder="1" applyAlignment="1">
      <alignment horizontal="left" vertical="center"/>
    </xf>
    <xf numFmtId="0" fontId="4" fillId="0" borderId="9" xfId="0" applyFont="1" applyFill="1" applyBorder="1" applyAlignment="1">
      <alignment horizontal="left" vertical="center"/>
    </xf>
    <xf numFmtId="0" fontId="4" fillId="0" borderId="0" xfId="0" applyFont="1" applyFill="1">
      <alignment vertical="center"/>
    </xf>
    <xf numFmtId="0" fontId="3" fillId="0" borderId="0" xfId="0" applyFont="1" applyFill="1">
      <alignment vertical="center"/>
    </xf>
    <xf numFmtId="0" fontId="4" fillId="0" borderId="1" xfId="0" applyFont="1" applyFill="1" applyBorder="1" applyAlignment="1">
      <alignment vertical="center"/>
    </xf>
    <xf numFmtId="0" fontId="4" fillId="0" borderId="2" xfId="0" applyFont="1" applyFill="1" applyBorder="1" applyAlignment="1">
      <alignment horizontal="center" vertical="center"/>
    </xf>
    <xf numFmtId="0" fontId="4" fillId="0" borderId="20" xfId="0" applyFont="1" applyFill="1" applyBorder="1" applyAlignment="1">
      <alignment horizontal="center" vertical="center" wrapText="1"/>
    </xf>
    <xf numFmtId="0" fontId="0" fillId="0" borderId="0" xfId="0" applyFont="1" applyFill="1" applyBorder="1" applyAlignment="1">
      <alignment horizontal="left" vertical="center"/>
    </xf>
    <xf numFmtId="0" fontId="0" fillId="0" borderId="0" xfId="0" applyFont="1" applyBorder="1">
      <alignment vertical="center"/>
    </xf>
    <xf numFmtId="0" fontId="6" fillId="0" borderId="12" xfId="0" applyFont="1" applyFill="1" applyBorder="1" applyAlignment="1">
      <alignment horizontal="center" vertical="center"/>
    </xf>
    <xf numFmtId="0" fontId="6" fillId="0" borderId="26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6" fillId="0" borderId="6" xfId="0" applyFont="1" applyFill="1" applyBorder="1" applyAlignment="1">
      <alignment horizontal="center" vertical="center"/>
    </xf>
    <xf numFmtId="0" fontId="6" fillId="0" borderId="19" xfId="0" applyFont="1" applyFill="1" applyBorder="1" applyAlignment="1">
      <alignment horizontal="center" vertical="center"/>
    </xf>
    <xf numFmtId="0" fontId="6" fillId="0" borderId="24" xfId="0" applyFont="1" applyFill="1" applyBorder="1" applyAlignment="1">
      <alignment horizontal="center" vertical="center"/>
    </xf>
    <xf numFmtId="0" fontId="6" fillId="0" borderId="10" xfId="0" applyFont="1" applyFill="1" applyBorder="1" applyAlignment="1">
      <alignment horizontal="center" vertical="center"/>
    </xf>
    <xf numFmtId="0" fontId="6" fillId="0" borderId="36" xfId="0" applyNumberFormat="1" applyFont="1" applyFill="1" applyBorder="1" applyAlignment="1">
      <alignment horizontal="center" vertical="center"/>
    </xf>
    <xf numFmtId="0" fontId="6" fillId="0" borderId="37" xfId="0" applyFont="1" applyFill="1" applyBorder="1" applyAlignment="1">
      <alignment horizontal="center" vertical="center"/>
    </xf>
    <xf numFmtId="0" fontId="6" fillId="0" borderId="38" xfId="0" applyFont="1" applyFill="1" applyBorder="1" applyAlignment="1">
      <alignment horizontal="center" vertical="center"/>
    </xf>
    <xf numFmtId="0" fontId="6" fillId="0" borderId="35" xfId="0" applyFont="1" applyFill="1" applyBorder="1" applyAlignment="1">
      <alignment horizontal="center" vertical="center"/>
    </xf>
    <xf numFmtId="0" fontId="6" fillId="0" borderId="7" xfId="0" applyFont="1" applyFill="1" applyBorder="1" applyAlignment="1">
      <alignment horizontal="center" vertical="center"/>
    </xf>
    <xf numFmtId="0" fontId="6" fillId="0" borderId="13" xfId="0" applyFont="1" applyFill="1" applyBorder="1" applyAlignment="1">
      <alignment horizontal="center" vertical="center"/>
    </xf>
    <xf numFmtId="0" fontId="6" fillId="0" borderId="0" xfId="0" applyFont="1" applyFill="1" applyBorder="1" applyAlignment="1">
      <alignment horizontal="center" vertical="center"/>
    </xf>
    <xf numFmtId="0" fontId="6" fillId="0" borderId="9" xfId="0" applyFont="1" applyFill="1" applyBorder="1" applyAlignment="1">
      <alignment horizontal="center" vertical="center"/>
    </xf>
    <xf numFmtId="0" fontId="6" fillId="0" borderId="34" xfId="0" applyFont="1" applyFill="1" applyBorder="1" applyAlignment="1">
      <alignment horizontal="center" vertical="center"/>
    </xf>
    <xf numFmtId="0" fontId="6" fillId="0" borderId="28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0" xfId="0" applyFont="1" applyFill="1">
      <alignment vertical="center"/>
    </xf>
    <xf numFmtId="0" fontId="6" fillId="0" borderId="1" xfId="0" applyFont="1" applyFill="1" applyBorder="1">
      <alignment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1" xfId="0" applyFont="1" applyFill="1" applyBorder="1" applyAlignment="1">
      <alignment horizontal="center" vertical="center"/>
    </xf>
    <xf numFmtId="0" fontId="6" fillId="0" borderId="11" xfId="0" applyFont="1" applyFill="1" applyBorder="1" applyAlignment="1">
      <alignment horizontal="center" vertical="center"/>
    </xf>
    <xf numFmtId="0" fontId="6" fillId="0" borderId="5" xfId="0" applyFont="1" applyFill="1" applyBorder="1" applyAlignment="1">
      <alignment horizontal="center" vertical="center"/>
    </xf>
    <xf numFmtId="0" fontId="6" fillId="0" borderId="0" xfId="0" applyFont="1" applyFill="1" applyBorder="1">
      <alignment vertical="center"/>
    </xf>
    <xf numFmtId="0" fontId="6" fillId="0" borderId="18" xfId="0" applyFont="1" applyFill="1" applyBorder="1" applyAlignment="1">
      <alignment horizontal="center" vertical="center"/>
    </xf>
    <xf numFmtId="0" fontId="4" fillId="0" borderId="0" xfId="0" applyFont="1" applyFill="1" applyAlignment="1">
      <alignment horizontal="right"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 shrinkToFit="1"/>
    </xf>
    <xf numFmtId="0" fontId="4" fillId="0" borderId="20" xfId="0" applyFont="1" applyFill="1" applyBorder="1" applyAlignment="1">
      <alignment horizontal="center" vertical="center"/>
    </xf>
    <xf numFmtId="0" fontId="4" fillId="0" borderId="18" xfId="0" applyFont="1" applyFill="1" applyBorder="1" applyAlignment="1">
      <alignment horizontal="center" vertical="center"/>
    </xf>
    <xf numFmtId="0" fontId="6" fillId="0" borderId="50" xfId="0" applyFont="1" applyFill="1" applyBorder="1" applyAlignment="1">
      <alignment horizontal="center" vertical="center"/>
    </xf>
    <xf numFmtId="0" fontId="6" fillId="0" borderId="27" xfId="0" applyFont="1" applyFill="1" applyBorder="1" applyAlignment="1">
      <alignment horizontal="center" vertical="center"/>
    </xf>
    <xf numFmtId="0" fontId="6" fillId="0" borderId="59" xfId="0" applyFont="1" applyFill="1" applyBorder="1" applyAlignment="1">
      <alignment horizontal="center" vertical="center"/>
    </xf>
    <xf numFmtId="0" fontId="6" fillId="0" borderId="60" xfId="0" applyFont="1" applyFill="1" applyBorder="1" applyAlignment="1">
      <alignment horizontal="center" vertical="center"/>
    </xf>
    <xf numFmtId="0" fontId="6" fillId="0" borderId="61" xfId="0" applyFont="1" applyFill="1" applyBorder="1" applyAlignment="1">
      <alignment horizontal="center" vertical="center"/>
    </xf>
    <xf numFmtId="0" fontId="6" fillId="0" borderId="56" xfId="0" applyFont="1" applyFill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 shrinkToFit="1"/>
    </xf>
    <xf numFmtId="0" fontId="6" fillId="0" borderId="62" xfId="0" applyFont="1" applyFill="1" applyBorder="1" applyAlignment="1">
      <alignment horizontal="center" vertical="center"/>
    </xf>
    <xf numFmtId="0" fontId="6" fillId="0" borderId="58" xfId="0" applyFont="1" applyFill="1" applyBorder="1" applyAlignment="1">
      <alignment horizontal="center" vertical="center"/>
    </xf>
    <xf numFmtId="0" fontId="6" fillId="0" borderId="21" xfId="0" applyFont="1" applyFill="1" applyBorder="1" applyAlignment="1">
      <alignment horizontal="center" vertical="center"/>
    </xf>
    <xf numFmtId="0" fontId="6" fillId="0" borderId="63" xfId="0" applyFont="1" applyFill="1" applyBorder="1" applyAlignment="1">
      <alignment horizontal="center" vertical="center"/>
    </xf>
    <xf numFmtId="0" fontId="6" fillId="0" borderId="49" xfId="0" applyFont="1" applyFill="1" applyBorder="1" applyAlignment="1">
      <alignment horizontal="center" vertical="center"/>
    </xf>
    <xf numFmtId="0" fontId="6" fillId="0" borderId="64" xfId="0" applyFont="1" applyFill="1" applyBorder="1" applyAlignment="1">
      <alignment horizontal="center" vertical="center"/>
    </xf>
    <xf numFmtId="0" fontId="6" fillId="0" borderId="20" xfId="0" applyFont="1" applyFill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/>
    </xf>
    <xf numFmtId="0" fontId="6" fillId="0" borderId="57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29" xfId="0" applyFont="1" applyBorder="1" applyAlignment="1">
      <alignment horizontal="center" vertical="center"/>
    </xf>
    <xf numFmtId="0" fontId="4" fillId="0" borderId="30" xfId="0" applyFont="1" applyBorder="1" applyAlignment="1">
      <alignment horizontal="center" vertical="center"/>
    </xf>
    <xf numFmtId="0" fontId="4" fillId="0" borderId="23" xfId="0" applyFont="1" applyBorder="1" applyAlignment="1">
      <alignment horizontal="center" vertical="center"/>
    </xf>
    <xf numFmtId="0" fontId="4" fillId="0" borderId="18" xfId="0" applyFont="1" applyBorder="1" applyAlignment="1">
      <alignment horizontal="center" vertical="center"/>
    </xf>
    <xf numFmtId="0" fontId="6" fillId="0" borderId="40" xfId="0" applyFont="1" applyFill="1" applyBorder="1" applyAlignment="1">
      <alignment horizontal="center" vertical="center"/>
    </xf>
    <xf numFmtId="0" fontId="6" fillId="0" borderId="23" xfId="0" applyFont="1" applyFill="1" applyBorder="1" applyAlignment="1">
      <alignment horizontal="center" vertical="center"/>
    </xf>
    <xf numFmtId="0" fontId="6" fillId="0" borderId="42" xfId="0" applyFont="1" applyFill="1" applyBorder="1" applyAlignment="1">
      <alignment horizontal="center" vertical="center"/>
    </xf>
    <xf numFmtId="0" fontId="6" fillId="0" borderId="43" xfId="0" applyFont="1" applyFill="1" applyBorder="1" applyAlignment="1">
      <alignment horizontal="center" vertical="center"/>
    </xf>
    <xf numFmtId="0" fontId="6" fillId="0" borderId="44" xfId="0" applyFont="1" applyFill="1" applyBorder="1" applyAlignment="1">
      <alignment horizontal="center" vertical="center"/>
    </xf>
    <xf numFmtId="0" fontId="6" fillId="0" borderId="41" xfId="0" applyFont="1" applyFill="1" applyBorder="1" applyAlignment="1">
      <alignment horizontal="center" vertical="center"/>
    </xf>
    <xf numFmtId="0" fontId="6" fillId="0" borderId="16" xfId="0" applyFont="1" applyFill="1" applyBorder="1" applyAlignment="1">
      <alignment horizontal="center" vertical="center"/>
    </xf>
    <xf numFmtId="0" fontId="6" fillId="0" borderId="39" xfId="0" applyFont="1" applyFill="1" applyBorder="1" applyAlignment="1">
      <alignment horizontal="center" vertical="center"/>
    </xf>
    <xf numFmtId="0" fontId="6" fillId="0" borderId="17" xfId="0" applyFont="1" applyFill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6" fillId="0" borderId="0" xfId="0" applyFont="1" applyFill="1" applyAlignment="1">
      <alignment horizontal="center" vertical="center"/>
    </xf>
    <xf numFmtId="0" fontId="4" fillId="0" borderId="65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9" fillId="0" borderId="38" xfId="0" applyFont="1" applyBorder="1" applyAlignment="1">
      <alignment horizontal="center" vertical="center"/>
    </xf>
    <xf numFmtId="0" fontId="9" fillId="0" borderId="18" xfId="0" applyFont="1" applyBorder="1" applyAlignment="1">
      <alignment horizontal="center" vertical="center"/>
    </xf>
    <xf numFmtId="0" fontId="9" fillId="0" borderId="28" xfId="0" applyFont="1" applyBorder="1" applyAlignment="1">
      <alignment horizontal="center" vertical="center"/>
    </xf>
    <xf numFmtId="0" fontId="9" fillId="0" borderId="27" xfId="0" applyFont="1" applyFill="1" applyBorder="1" applyAlignment="1">
      <alignment horizontal="center" vertical="center"/>
    </xf>
    <xf numFmtId="0" fontId="9" fillId="0" borderId="54" xfId="0" applyFont="1" applyFill="1" applyBorder="1" applyAlignment="1">
      <alignment horizontal="center" vertical="center"/>
    </xf>
    <xf numFmtId="0" fontId="9" fillId="0" borderId="35" xfId="0" applyFont="1" applyFill="1" applyBorder="1" applyAlignment="1">
      <alignment horizontal="center" vertical="center"/>
    </xf>
    <xf numFmtId="0" fontId="9" fillId="0" borderId="50" xfId="0" applyFont="1" applyFill="1" applyBorder="1" applyAlignment="1">
      <alignment horizontal="center" vertical="center"/>
    </xf>
    <xf numFmtId="0" fontId="9" fillId="0" borderId="17" xfId="0" applyFont="1" applyBorder="1" applyAlignment="1">
      <alignment horizontal="center" vertical="center"/>
    </xf>
    <xf numFmtId="0" fontId="9" fillId="0" borderId="53" xfId="0" applyFont="1" applyBorder="1" applyAlignment="1">
      <alignment horizontal="center" vertical="center"/>
    </xf>
    <xf numFmtId="0" fontId="10" fillId="0" borderId="26" xfId="0" applyFont="1" applyFill="1" applyBorder="1" applyAlignment="1">
      <alignment horizontal="center" vertical="center"/>
    </xf>
    <xf numFmtId="0" fontId="10" fillId="0" borderId="6" xfId="0" applyFont="1" applyFill="1" applyBorder="1" applyAlignment="1">
      <alignment horizontal="center" vertical="center"/>
    </xf>
    <xf numFmtId="0" fontId="10" fillId="0" borderId="35" xfId="0" applyFont="1" applyFill="1" applyBorder="1" applyAlignment="1">
      <alignment horizontal="center" vertical="center"/>
    </xf>
    <xf numFmtId="0" fontId="10" fillId="0" borderId="22" xfId="0" applyFont="1" applyFill="1" applyBorder="1" applyAlignment="1">
      <alignment horizontal="center" vertical="center"/>
    </xf>
    <xf numFmtId="0" fontId="10" fillId="0" borderId="33" xfId="0" applyFont="1" applyFill="1" applyBorder="1" applyAlignment="1">
      <alignment horizontal="center" vertical="center"/>
    </xf>
    <xf numFmtId="0" fontId="10" fillId="0" borderId="38" xfId="0" applyFont="1" applyFill="1" applyBorder="1" applyAlignment="1">
      <alignment horizontal="center" vertical="center"/>
    </xf>
    <xf numFmtId="0" fontId="10" fillId="0" borderId="0" xfId="0" applyFont="1" applyFill="1" applyBorder="1" applyAlignment="1">
      <alignment horizontal="center" vertical="center"/>
    </xf>
    <xf numFmtId="0" fontId="10" fillId="0" borderId="34" xfId="0" applyFont="1" applyFill="1" applyBorder="1" applyAlignment="1">
      <alignment horizontal="center" vertical="center"/>
    </xf>
    <xf numFmtId="0" fontId="10" fillId="0" borderId="18" xfId="0" applyFont="1" applyFill="1" applyBorder="1" applyAlignment="1">
      <alignment horizontal="center" vertical="center"/>
    </xf>
    <xf numFmtId="0" fontId="10" fillId="0" borderId="2" xfId="0" applyFont="1" applyFill="1" applyBorder="1" applyAlignment="1">
      <alignment horizontal="center" vertical="center"/>
    </xf>
    <xf numFmtId="0" fontId="10" fillId="0" borderId="28" xfId="0" applyFont="1" applyFill="1" applyBorder="1" applyAlignment="1">
      <alignment horizontal="center" vertical="center"/>
    </xf>
    <xf numFmtId="0" fontId="10" fillId="0" borderId="37" xfId="0" applyFont="1" applyFill="1" applyBorder="1" applyAlignment="1">
      <alignment horizontal="center" vertical="center"/>
    </xf>
    <xf numFmtId="0" fontId="10" fillId="0" borderId="12" xfId="0" applyFont="1" applyFill="1" applyBorder="1" applyAlignment="1">
      <alignment horizontal="center" vertical="center"/>
    </xf>
    <xf numFmtId="0" fontId="10" fillId="0" borderId="9" xfId="0" applyFont="1" applyFill="1" applyBorder="1" applyAlignment="1">
      <alignment horizontal="center" vertical="center"/>
    </xf>
    <xf numFmtId="0" fontId="10" fillId="0" borderId="50" xfId="0" applyFont="1" applyFill="1" applyBorder="1" applyAlignment="1">
      <alignment horizontal="center" vertical="center"/>
    </xf>
    <xf numFmtId="0" fontId="10" fillId="0" borderId="11" xfId="0" applyFont="1" applyFill="1" applyBorder="1" applyAlignment="1">
      <alignment horizontal="center" vertical="center"/>
    </xf>
    <xf numFmtId="0" fontId="10" fillId="0" borderId="27" xfId="0" applyFont="1" applyFill="1" applyBorder="1" applyAlignment="1">
      <alignment horizontal="center" vertical="center"/>
    </xf>
    <xf numFmtId="0" fontId="10" fillId="0" borderId="13" xfId="0" applyFont="1" applyFill="1" applyBorder="1" applyAlignment="1">
      <alignment horizontal="center" vertical="center"/>
    </xf>
    <xf numFmtId="0" fontId="10" fillId="0" borderId="59" xfId="0" applyFont="1" applyFill="1" applyBorder="1" applyAlignment="1">
      <alignment horizontal="center" vertical="center"/>
    </xf>
    <xf numFmtId="0" fontId="10" fillId="0" borderId="30" xfId="0" applyFont="1" applyFill="1" applyBorder="1" applyAlignment="1">
      <alignment horizontal="center" vertical="center"/>
    </xf>
    <xf numFmtId="0" fontId="4" fillId="0" borderId="29" xfId="0" applyFont="1" applyBorder="1" applyAlignment="1">
      <alignment horizontal="center" vertical="center"/>
    </xf>
    <xf numFmtId="0" fontId="4" fillId="0" borderId="20" xfId="0" applyFont="1" applyBorder="1" applyAlignment="1">
      <alignment horizontal="center" vertical="center"/>
    </xf>
    <xf numFmtId="0" fontId="4" fillId="0" borderId="36" xfId="0" applyFont="1" applyBorder="1" applyAlignment="1">
      <alignment horizontal="center" vertical="center"/>
    </xf>
    <xf numFmtId="0" fontId="4" fillId="0" borderId="25" xfId="0" applyFont="1" applyBorder="1" applyAlignment="1">
      <alignment horizontal="center" vertical="center"/>
    </xf>
    <xf numFmtId="0" fontId="4" fillId="0" borderId="51" xfId="0" applyFont="1" applyBorder="1" applyAlignment="1">
      <alignment horizontal="left" vertical="center"/>
    </xf>
    <xf numFmtId="0" fontId="4" fillId="0" borderId="52" xfId="0" applyFont="1" applyBorder="1" applyAlignment="1">
      <alignment horizontal="left" vertical="center"/>
    </xf>
    <xf numFmtId="0" fontId="4" fillId="0" borderId="45" xfId="0" applyFont="1" applyBorder="1" applyAlignment="1">
      <alignment horizontal="left" vertical="center"/>
    </xf>
    <xf numFmtId="0" fontId="4" fillId="0" borderId="46" xfId="0" applyFont="1" applyBorder="1" applyAlignment="1">
      <alignment horizontal="left" vertical="center"/>
    </xf>
    <xf numFmtId="0" fontId="9" fillId="0" borderId="27" xfId="0" applyFont="1" applyBorder="1" applyAlignment="1">
      <alignment horizontal="center" vertical="center"/>
    </xf>
    <xf numFmtId="0" fontId="9" fillId="0" borderId="55" xfId="0" applyFont="1" applyBorder="1" applyAlignment="1">
      <alignment horizontal="center" vertical="center"/>
    </xf>
    <xf numFmtId="0" fontId="9" fillId="0" borderId="35" xfId="0" applyFont="1" applyBorder="1" applyAlignment="1">
      <alignment horizontal="center" vertical="center"/>
    </xf>
    <xf numFmtId="0" fontId="9" fillId="0" borderId="56" xfId="0" applyFont="1" applyBorder="1" applyAlignment="1">
      <alignment horizontal="center" vertical="center"/>
    </xf>
    <xf numFmtId="0" fontId="9" fillId="0" borderId="50" xfId="0" applyFont="1" applyBorder="1" applyAlignment="1">
      <alignment horizontal="center" vertical="center"/>
    </xf>
    <xf numFmtId="0" fontId="9" fillId="0" borderId="34" xfId="0" applyFont="1" applyBorder="1" applyAlignment="1">
      <alignment horizontal="center" vertical="center"/>
    </xf>
    <xf numFmtId="0" fontId="4" fillId="0" borderId="28" xfId="0" applyFont="1" applyBorder="1" applyAlignment="1">
      <alignment horizontal="center" vertical="center" shrinkToFit="1"/>
    </xf>
    <xf numFmtId="0" fontId="4" fillId="0" borderId="18" xfId="0" applyFont="1" applyBorder="1" applyAlignment="1">
      <alignment horizontal="center" vertical="center" shrinkToFit="1"/>
    </xf>
    <xf numFmtId="0" fontId="9" fillId="0" borderId="28" xfId="0" applyFont="1" applyBorder="1" applyAlignment="1">
      <alignment horizontal="center" vertical="center"/>
    </xf>
    <xf numFmtId="0" fontId="9" fillId="0" borderId="18" xfId="0" applyFont="1" applyBorder="1" applyAlignment="1">
      <alignment horizontal="center" vertical="center"/>
    </xf>
    <xf numFmtId="0" fontId="4" fillId="0" borderId="29" xfId="0" applyFont="1" applyBorder="1" applyAlignment="1">
      <alignment horizontal="center" vertical="center" shrinkToFit="1"/>
    </xf>
    <xf numFmtId="0" fontId="4" fillId="0" borderId="20" xfId="0" applyFont="1" applyBorder="1" applyAlignment="1">
      <alignment horizontal="center" vertical="center" shrinkToFit="1"/>
    </xf>
    <xf numFmtId="0" fontId="4" fillId="0" borderId="47" xfId="0" applyFont="1" applyBorder="1" applyAlignment="1">
      <alignment horizontal="left" vertical="center"/>
    </xf>
    <xf numFmtId="0" fontId="4" fillId="0" borderId="48" xfId="0" applyFont="1" applyBorder="1" applyAlignment="1">
      <alignment horizontal="left" vertical="center"/>
    </xf>
    <xf numFmtId="0" fontId="4" fillId="0" borderId="36" xfId="0" applyFont="1" applyFill="1" applyBorder="1" applyAlignment="1">
      <alignment horizontal="center" vertical="center" wrapText="1"/>
    </xf>
    <xf numFmtId="0" fontId="4" fillId="0" borderId="16" xfId="0" applyFont="1" applyFill="1" applyBorder="1" applyAlignment="1">
      <alignment horizontal="center" vertical="center" wrapText="1"/>
    </xf>
    <xf numFmtId="0" fontId="4" fillId="0" borderId="63" xfId="0" applyFont="1" applyFill="1" applyBorder="1" applyAlignment="1">
      <alignment horizontal="center" vertical="center" wrapText="1"/>
    </xf>
    <xf numFmtId="0" fontId="4" fillId="0" borderId="66" xfId="0" applyFont="1" applyFill="1" applyBorder="1" applyAlignment="1">
      <alignment horizontal="center" vertical="center" wrapText="1"/>
    </xf>
    <xf numFmtId="0" fontId="4" fillId="0" borderId="0" xfId="0" applyFont="1" applyFill="1" applyBorder="1" applyAlignment="1">
      <alignment horizontal="center" vertical="center" wrapText="1"/>
    </xf>
    <xf numFmtId="0" fontId="4" fillId="0" borderId="19" xfId="0" applyFont="1" applyFill="1" applyBorder="1" applyAlignment="1">
      <alignment horizontal="center" vertical="center" wrapText="1"/>
    </xf>
    <xf numFmtId="0" fontId="4" fillId="0" borderId="25" xfId="0" applyFont="1" applyFill="1" applyBorder="1" applyAlignment="1">
      <alignment horizontal="center" vertical="center" wrapText="1"/>
    </xf>
    <xf numFmtId="0" fontId="4" fillId="0" borderId="17" xfId="0" applyFont="1" applyFill="1" applyBorder="1" applyAlignment="1">
      <alignment horizontal="center" vertical="center" wrapText="1"/>
    </xf>
    <xf numFmtId="0" fontId="4" fillId="0" borderId="64" xfId="0" applyFont="1" applyFill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2" fillId="0" borderId="0" xfId="0" applyFont="1" applyFill="1" applyAlignment="1">
      <alignment horizontal="center" vertical="center"/>
    </xf>
    <xf numFmtId="0" fontId="4" fillId="0" borderId="30" xfId="0" applyFont="1" applyBorder="1" applyAlignment="1">
      <alignment horizontal="center" vertical="center"/>
    </xf>
    <xf numFmtId="0" fontId="4" fillId="0" borderId="40" xfId="0" applyFont="1" applyBorder="1" applyAlignment="1">
      <alignment horizontal="center" vertical="center"/>
    </xf>
    <xf numFmtId="0" fontId="4" fillId="0" borderId="41" xfId="0" applyFont="1" applyBorder="1" applyAlignment="1">
      <alignment horizontal="center" vertical="center"/>
    </xf>
    <xf numFmtId="0" fontId="4" fillId="0" borderId="23" xfId="0" applyFont="1" applyBorder="1" applyAlignment="1">
      <alignment horizontal="center" vertical="center"/>
    </xf>
    <xf numFmtId="0" fontId="4" fillId="0" borderId="30" xfId="0" applyFont="1" applyBorder="1" applyAlignment="1">
      <alignment horizontal="center" vertical="center" shrinkToFit="1"/>
    </xf>
    <xf numFmtId="0" fontId="4" fillId="0" borderId="28" xfId="0" applyFont="1" applyBorder="1" applyAlignment="1">
      <alignment horizontal="center" vertical="center"/>
    </xf>
    <xf numFmtId="0" fontId="5" fillId="0" borderId="0" xfId="0" applyFont="1" applyFill="1" applyAlignment="1">
      <alignment horizontal="center" vertical="center"/>
    </xf>
    <xf numFmtId="0" fontId="4" fillId="0" borderId="28" xfId="0" applyFont="1" applyFill="1" applyBorder="1" applyAlignment="1">
      <alignment horizontal="center" vertical="center" shrinkToFit="1"/>
    </xf>
    <xf numFmtId="0" fontId="4" fillId="0" borderId="18" xfId="0" applyFont="1" applyFill="1" applyBorder="1" applyAlignment="1">
      <alignment horizontal="center" vertical="center" shrinkToFit="1"/>
    </xf>
    <xf numFmtId="0" fontId="6" fillId="0" borderId="40" xfId="0" applyNumberFormat="1" applyFont="1" applyFill="1" applyBorder="1" applyAlignment="1">
      <alignment horizontal="center" vertical="center"/>
    </xf>
    <xf numFmtId="0" fontId="6" fillId="0" borderId="41" xfId="0" applyNumberFormat="1" applyFont="1" applyFill="1" applyBorder="1" applyAlignment="1">
      <alignment horizontal="center" vertical="center"/>
    </xf>
    <xf numFmtId="0" fontId="6" fillId="0" borderId="23" xfId="0" applyNumberFormat="1" applyFont="1" applyFill="1" applyBorder="1" applyAlignment="1">
      <alignment horizontal="center" vertical="center"/>
    </xf>
    <xf numFmtId="0" fontId="6" fillId="0" borderId="36" xfId="0" applyFont="1" applyFill="1" applyBorder="1" applyAlignment="1">
      <alignment horizontal="center" vertical="center"/>
    </xf>
    <xf numFmtId="0" fontId="6" fillId="0" borderId="16" xfId="0" applyFont="1" applyFill="1" applyBorder="1" applyAlignment="1">
      <alignment horizontal="center" vertical="center"/>
    </xf>
    <xf numFmtId="0" fontId="6" fillId="0" borderId="16" xfId="0" applyFont="1" applyFill="1" applyBorder="1" applyAlignment="1">
      <alignment horizontal="left" vertical="center"/>
    </xf>
    <xf numFmtId="0" fontId="6" fillId="0" borderId="17" xfId="0" applyFont="1" applyFill="1" applyBorder="1" applyAlignment="1">
      <alignment horizontal="left" vertical="center"/>
    </xf>
    <xf numFmtId="0" fontId="6" fillId="0" borderId="39" xfId="0" applyFont="1" applyFill="1" applyBorder="1" applyAlignment="1">
      <alignment horizontal="center" vertical="center"/>
    </xf>
    <xf numFmtId="0" fontId="6" fillId="0" borderId="8" xfId="0" applyFont="1" applyFill="1" applyBorder="1" applyAlignment="1">
      <alignment horizontal="center" vertical="center"/>
    </xf>
    <xf numFmtId="0" fontId="6" fillId="0" borderId="25" xfId="0" applyFont="1" applyFill="1" applyBorder="1" applyAlignment="1">
      <alignment horizontal="center" vertical="center"/>
    </xf>
    <xf numFmtId="0" fontId="6" fillId="0" borderId="17" xfId="0" applyFont="1" applyFill="1" applyBorder="1" applyAlignment="1">
      <alignment horizontal="center" vertical="center"/>
    </xf>
    <xf numFmtId="0" fontId="6" fillId="0" borderId="40" xfId="0" applyFont="1" applyFill="1" applyBorder="1" applyAlignment="1">
      <alignment horizontal="center" vertical="center"/>
    </xf>
    <xf numFmtId="0" fontId="6" fillId="0" borderId="41" xfId="0" applyFont="1" applyFill="1" applyBorder="1" applyAlignment="1">
      <alignment horizontal="center" vertical="center"/>
    </xf>
    <xf numFmtId="0" fontId="6" fillId="0" borderId="23" xfId="0" applyFont="1" applyFill="1" applyBorder="1" applyAlignment="1">
      <alignment horizontal="center" vertical="center"/>
    </xf>
    <xf numFmtId="0" fontId="6" fillId="0" borderId="42" xfId="0" applyFont="1" applyFill="1" applyBorder="1" applyAlignment="1">
      <alignment horizontal="center" vertical="center"/>
    </xf>
    <xf numFmtId="0" fontId="6" fillId="0" borderId="43" xfId="0" applyFont="1" applyFill="1" applyBorder="1" applyAlignment="1">
      <alignment horizontal="center" vertical="center"/>
    </xf>
    <xf numFmtId="0" fontId="6" fillId="0" borderId="44" xfId="0" applyFont="1" applyFill="1" applyBorder="1" applyAlignment="1">
      <alignment horizontal="center" vertical="center"/>
    </xf>
    <xf numFmtId="0" fontId="6" fillId="0" borderId="29" xfId="0" applyFont="1" applyFill="1" applyBorder="1" applyAlignment="1">
      <alignment horizontal="center" vertical="center"/>
    </xf>
    <xf numFmtId="0" fontId="6" fillId="0" borderId="30" xfId="0" applyFont="1" applyFill="1" applyBorder="1" applyAlignment="1">
      <alignment horizontal="center" vertical="center"/>
    </xf>
    <xf numFmtId="0" fontId="10" fillId="0" borderId="39" xfId="0" applyFont="1" applyFill="1" applyBorder="1" applyAlignment="1">
      <alignment horizontal="center" vertical="center"/>
    </xf>
    <xf numFmtId="0" fontId="10" fillId="0" borderId="8" xfId="0" applyFont="1" applyFill="1" applyBorder="1" applyAlignment="1">
      <alignment horizontal="center" vertical="center"/>
    </xf>
    <xf numFmtId="0" fontId="4" fillId="0" borderId="36" xfId="0" applyFont="1" applyBorder="1" applyAlignment="1">
      <alignment horizontal="center" vertical="center" wrapText="1"/>
    </xf>
    <xf numFmtId="0" fontId="4" fillId="0" borderId="16" xfId="0" applyFont="1" applyBorder="1" applyAlignment="1">
      <alignment horizontal="center" vertical="center" wrapText="1"/>
    </xf>
    <xf numFmtId="0" fontId="4" fillId="0" borderId="63" xfId="0" applyFont="1" applyBorder="1" applyAlignment="1">
      <alignment horizontal="center" vertical="center" wrapText="1"/>
    </xf>
    <xf numFmtId="0" fontId="4" fillId="0" borderId="66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center" vertical="center" wrapText="1"/>
    </xf>
    <xf numFmtId="0" fontId="4" fillId="0" borderId="19" xfId="0" applyFont="1" applyBorder="1" applyAlignment="1">
      <alignment horizontal="center" vertical="center" wrapText="1"/>
    </xf>
    <xf numFmtId="0" fontId="4" fillId="0" borderId="25" xfId="0" applyFont="1" applyBorder="1" applyAlignment="1">
      <alignment horizontal="center" vertical="center" wrapText="1"/>
    </xf>
    <xf numFmtId="0" fontId="4" fillId="0" borderId="17" xfId="0" applyFont="1" applyBorder="1" applyAlignment="1">
      <alignment horizontal="center" vertical="center" wrapText="1"/>
    </xf>
    <xf numFmtId="0" fontId="4" fillId="0" borderId="64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62"/>
  <sheetViews>
    <sheetView tabSelected="1" workbookViewId="0">
      <selection activeCell="L44" sqref="L44"/>
    </sheetView>
  </sheetViews>
  <sheetFormatPr defaultRowHeight="13.5"/>
  <cols>
    <col min="1" max="1" width="15.75" style="2" customWidth="1"/>
    <col min="2" max="2" width="17.625" style="2" customWidth="1"/>
    <col min="3" max="3" width="16.875" style="2" customWidth="1"/>
    <col min="4" max="5" width="3.25" style="2" bestFit="1" customWidth="1"/>
    <col min="6" max="6" width="3.125" style="2" bestFit="1" customWidth="1"/>
    <col min="7" max="7" width="10.625" style="2" customWidth="1"/>
    <col min="8" max="8" width="3.125" style="2" bestFit="1" customWidth="1"/>
    <col min="9" max="9" width="14.125" style="2" bestFit="1" customWidth="1"/>
    <col min="10" max="16384" width="9" style="2"/>
  </cols>
  <sheetData>
    <row r="1" spans="1:9" ht="23.25" customHeight="1">
      <c r="A1" s="163" t="s">
        <v>121</v>
      </c>
      <c r="B1" s="163"/>
      <c r="C1" s="163"/>
      <c r="D1" s="163"/>
      <c r="E1" s="163"/>
      <c r="F1" s="163"/>
      <c r="G1" s="163"/>
      <c r="H1" s="163"/>
      <c r="I1" s="163"/>
    </row>
    <row r="2" spans="1:9" ht="22.5" customHeight="1">
      <c r="A2" s="163" t="s">
        <v>114</v>
      </c>
      <c r="B2" s="163"/>
      <c r="C2" s="163"/>
      <c r="D2" s="163"/>
      <c r="E2" s="163"/>
      <c r="F2" s="163"/>
      <c r="G2" s="163"/>
      <c r="H2" s="163"/>
      <c r="I2" s="163"/>
    </row>
    <row r="3" spans="1:9" ht="8.25" customHeight="1">
      <c r="C3" s="2" t="s">
        <v>79</v>
      </c>
    </row>
    <row r="4" spans="1:9" s="5" customFormat="1" ht="16.5" customHeight="1" thickBot="1">
      <c r="A4" s="4" t="s">
        <v>70</v>
      </c>
      <c r="B4" s="4" t="s">
        <v>90</v>
      </c>
      <c r="D4" s="5" t="s">
        <v>122</v>
      </c>
      <c r="I4" s="61"/>
    </row>
    <row r="5" spans="1:9" s="5" customFormat="1" ht="12.95" customHeight="1" thickBot="1">
      <c r="B5" s="82"/>
      <c r="C5" s="83" t="s">
        <v>0</v>
      </c>
      <c r="D5" s="144" t="s">
        <v>110</v>
      </c>
      <c r="E5" s="145"/>
      <c r="F5" s="130" t="s">
        <v>32</v>
      </c>
      <c r="G5" s="131"/>
      <c r="H5" s="130" t="s">
        <v>37</v>
      </c>
      <c r="I5" s="131"/>
    </row>
    <row r="6" spans="1:9" s="5" customFormat="1" ht="12.95" customHeight="1" thickBot="1">
      <c r="B6" s="130" t="s">
        <v>38</v>
      </c>
      <c r="C6" s="164"/>
      <c r="D6" s="100">
        <v>1</v>
      </c>
      <c r="E6" s="101">
        <v>2</v>
      </c>
      <c r="F6" s="152" t="s">
        <v>124</v>
      </c>
      <c r="G6" s="153"/>
      <c r="H6" s="153"/>
      <c r="I6" s="154"/>
    </row>
    <row r="7" spans="1:9" s="5" customFormat="1" ht="12.95" customHeight="1" thickBot="1">
      <c r="B7" s="130" t="s">
        <v>1</v>
      </c>
      <c r="C7" s="164"/>
      <c r="D7" s="102">
        <v>3</v>
      </c>
      <c r="E7" s="103">
        <v>4</v>
      </c>
      <c r="F7" s="155"/>
      <c r="G7" s="156"/>
      <c r="H7" s="156"/>
      <c r="I7" s="157"/>
    </row>
    <row r="8" spans="1:9" s="5" customFormat="1" ht="12.95" customHeight="1">
      <c r="B8" s="165" t="s">
        <v>55</v>
      </c>
      <c r="C8" s="22" t="s">
        <v>39</v>
      </c>
      <c r="D8" s="104">
        <v>5</v>
      </c>
      <c r="E8" s="104">
        <v>6</v>
      </c>
      <c r="F8" s="155"/>
      <c r="G8" s="156"/>
      <c r="H8" s="156"/>
      <c r="I8" s="157"/>
    </row>
    <row r="9" spans="1:9" s="5" customFormat="1" ht="12.95" customHeight="1">
      <c r="B9" s="166"/>
      <c r="C9" s="22" t="s">
        <v>40</v>
      </c>
      <c r="D9" s="104">
        <v>7</v>
      </c>
      <c r="E9" s="104">
        <v>8</v>
      </c>
      <c r="F9" s="155"/>
      <c r="G9" s="156"/>
      <c r="H9" s="156"/>
      <c r="I9" s="157"/>
    </row>
    <row r="10" spans="1:9" s="5" customFormat="1" ht="12.95" customHeight="1">
      <c r="B10" s="166"/>
      <c r="C10" s="22" t="s">
        <v>41</v>
      </c>
      <c r="D10" s="104">
        <v>9</v>
      </c>
      <c r="E10" s="104">
        <v>10</v>
      </c>
      <c r="F10" s="155"/>
      <c r="G10" s="156"/>
      <c r="H10" s="156"/>
      <c r="I10" s="157"/>
    </row>
    <row r="11" spans="1:9" s="5" customFormat="1" ht="12.95" customHeight="1">
      <c r="B11" s="166"/>
      <c r="C11" s="23" t="s">
        <v>42</v>
      </c>
      <c r="D11" s="104">
        <v>11</v>
      </c>
      <c r="E11" s="104">
        <v>12</v>
      </c>
      <c r="F11" s="155"/>
      <c r="G11" s="156"/>
      <c r="H11" s="156"/>
      <c r="I11" s="157"/>
    </row>
    <row r="12" spans="1:9" s="5" customFormat="1" ht="12.95" customHeight="1">
      <c r="B12" s="166"/>
      <c r="C12" s="23" t="s">
        <v>43</v>
      </c>
      <c r="D12" s="104">
        <v>13</v>
      </c>
      <c r="E12" s="104">
        <v>14</v>
      </c>
      <c r="F12" s="155"/>
      <c r="G12" s="156"/>
      <c r="H12" s="156"/>
      <c r="I12" s="157"/>
    </row>
    <row r="13" spans="1:9" s="5" customFormat="1" ht="12.95" customHeight="1">
      <c r="B13" s="166"/>
      <c r="C13" s="23" t="s">
        <v>91</v>
      </c>
      <c r="D13" s="104">
        <v>15</v>
      </c>
      <c r="E13" s="104">
        <v>16</v>
      </c>
      <c r="F13" s="155"/>
      <c r="G13" s="156"/>
      <c r="H13" s="156"/>
      <c r="I13" s="157"/>
    </row>
    <row r="14" spans="1:9" s="5" customFormat="1" ht="12.95" customHeight="1">
      <c r="B14" s="166"/>
      <c r="C14" s="23" t="s">
        <v>44</v>
      </c>
      <c r="D14" s="104">
        <v>17</v>
      </c>
      <c r="E14" s="104">
        <v>18</v>
      </c>
      <c r="F14" s="155"/>
      <c r="G14" s="156"/>
      <c r="H14" s="156"/>
      <c r="I14" s="157"/>
    </row>
    <row r="15" spans="1:9" s="5" customFormat="1" ht="12.95" customHeight="1">
      <c r="B15" s="166"/>
      <c r="C15" s="23" t="s">
        <v>45</v>
      </c>
      <c r="D15" s="104">
        <v>19</v>
      </c>
      <c r="E15" s="104">
        <v>20</v>
      </c>
      <c r="F15" s="155"/>
      <c r="G15" s="156"/>
      <c r="H15" s="156"/>
      <c r="I15" s="157"/>
    </row>
    <row r="16" spans="1:9" s="5" customFormat="1" ht="12.95" customHeight="1">
      <c r="B16" s="166"/>
      <c r="C16" s="23" t="s">
        <v>103</v>
      </c>
      <c r="D16" s="104">
        <v>21</v>
      </c>
      <c r="E16" s="104">
        <v>22</v>
      </c>
      <c r="F16" s="155"/>
      <c r="G16" s="156"/>
      <c r="H16" s="156"/>
      <c r="I16" s="157"/>
    </row>
    <row r="17" spans="2:9" s="5" customFormat="1" ht="12.95" customHeight="1">
      <c r="B17" s="166"/>
      <c r="C17" s="23" t="s">
        <v>75</v>
      </c>
      <c r="D17" s="104">
        <v>23</v>
      </c>
      <c r="E17" s="104">
        <v>24</v>
      </c>
      <c r="F17" s="155"/>
      <c r="G17" s="156"/>
      <c r="H17" s="156"/>
      <c r="I17" s="157"/>
    </row>
    <row r="18" spans="2:9" s="5" customFormat="1" ht="12.95" customHeight="1">
      <c r="B18" s="166"/>
      <c r="C18" s="23" t="s">
        <v>46</v>
      </c>
      <c r="D18" s="104">
        <v>25</v>
      </c>
      <c r="E18" s="104">
        <v>26</v>
      </c>
      <c r="F18" s="155"/>
      <c r="G18" s="156"/>
      <c r="H18" s="156"/>
      <c r="I18" s="157"/>
    </row>
    <row r="19" spans="2:9" s="5" customFormat="1" ht="12.95" customHeight="1">
      <c r="B19" s="166"/>
      <c r="C19" s="23" t="s">
        <v>47</v>
      </c>
      <c r="D19" s="104">
        <v>27</v>
      </c>
      <c r="E19" s="104">
        <v>28</v>
      </c>
      <c r="F19" s="155"/>
      <c r="G19" s="156"/>
      <c r="H19" s="156"/>
      <c r="I19" s="157"/>
    </row>
    <row r="20" spans="2:9" s="5" customFormat="1" ht="12.95" customHeight="1">
      <c r="B20" s="166"/>
      <c r="C20" s="23" t="s">
        <v>48</v>
      </c>
      <c r="D20" s="104">
        <v>29</v>
      </c>
      <c r="E20" s="104">
        <v>30</v>
      </c>
      <c r="F20" s="155"/>
      <c r="G20" s="156"/>
      <c r="H20" s="156"/>
      <c r="I20" s="157"/>
    </row>
    <row r="21" spans="2:9" s="5" customFormat="1" ht="12.95" customHeight="1">
      <c r="B21" s="166"/>
      <c r="C21" s="24" t="s">
        <v>73</v>
      </c>
      <c r="D21" s="104">
        <v>31</v>
      </c>
      <c r="E21" s="104">
        <v>32</v>
      </c>
      <c r="F21" s="155"/>
      <c r="G21" s="156"/>
      <c r="H21" s="156"/>
      <c r="I21" s="157"/>
    </row>
    <row r="22" spans="2:9" s="5" customFormat="1" ht="12.95" customHeight="1">
      <c r="B22" s="166"/>
      <c r="C22" s="23" t="s">
        <v>56</v>
      </c>
      <c r="D22" s="104">
        <v>33</v>
      </c>
      <c r="E22" s="104">
        <v>34</v>
      </c>
      <c r="F22" s="155"/>
      <c r="G22" s="156"/>
      <c r="H22" s="156"/>
      <c r="I22" s="157"/>
    </row>
    <row r="23" spans="2:9" s="5" customFormat="1" ht="12.95" customHeight="1">
      <c r="B23" s="166"/>
      <c r="C23" s="23" t="s">
        <v>49</v>
      </c>
      <c r="D23" s="104">
        <v>35</v>
      </c>
      <c r="E23" s="104">
        <v>36</v>
      </c>
      <c r="F23" s="155"/>
      <c r="G23" s="156"/>
      <c r="H23" s="156"/>
      <c r="I23" s="157"/>
    </row>
    <row r="24" spans="2:9" s="5" customFormat="1" ht="12.95" customHeight="1">
      <c r="B24" s="166"/>
      <c r="C24" s="23" t="s">
        <v>50</v>
      </c>
      <c r="D24" s="104">
        <v>37</v>
      </c>
      <c r="E24" s="104">
        <v>38</v>
      </c>
      <c r="F24" s="155"/>
      <c r="G24" s="156"/>
      <c r="H24" s="156"/>
      <c r="I24" s="157"/>
    </row>
    <row r="25" spans="2:9" s="5" customFormat="1" ht="12.95" customHeight="1">
      <c r="B25" s="166"/>
      <c r="C25" s="23" t="s">
        <v>94</v>
      </c>
      <c r="D25" s="104">
        <v>39</v>
      </c>
      <c r="E25" s="104">
        <v>40</v>
      </c>
      <c r="F25" s="155"/>
      <c r="G25" s="156"/>
      <c r="H25" s="156"/>
      <c r="I25" s="157"/>
    </row>
    <row r="26" spans="2:9" s="5" customFormat="1" ht="12.95" customHeight="1">
      <c r="B26" s="166"/>
      <c r="C26" s="23" t="s">
        <v>51</v>
      </c>
      <c r="D26" s="104">
        <v>41</v>
      </c>
      <c r="E26" s="104">
        <v>42</v>
      </c>
      <c r="F26" s="155"/>
      <c r="G26" s="156"/>
      <c r="H26" s="156"/>
      <c r="I26" s="157"/>
    </row>
    <row r="27" spans="2:9" s="5" customFormat="1" ht="12.95" customHeight="1">
      <c r="B27" s="166"/>
      <c r="C27" s="23" t="s">
        <v>52</v>
      </c>
      <c r="D27" s="104">
        <v>43</v>
      </c>
      <c r="E27" s="104">
        <v>44</v>
      </c>
      <c r="F27" s="155"/>
      <c r="G27" s="156"/>
      <c r="H27" s="156"/>
      <c r="I27" s="157"/>
    </row>
    <row r="28" spans="2:9" s="5" customFormat="1" ht="12.95" customHeight="1">
      <c r="B28" s="166"/>
      <c r="C28" s="23" t="s">
        <v>53</v>
      </c>
      <c r="D28" s="104">
        <v>45</v>
      </c>
      <c r="E28" s="104">
        <v>46</v>
      </c>
      <c r="F28" s="155"/>
      <c r="G28" s="156"/>
      <c r="H28" s="156"/>
      <c r="I28" s="157"/>
    </row>
    <row r="29" spans="2:9" s="5" customFormat="1" ht="12.95" customHeight="1">
      <c r="B29" s="166"/>
      <c r="C29" s="23" t="s">
        <v>87</v>
      </c>
      <c r="D29" s="104">
        <v>47</v>
      </c>
      <c r="E29" s="104">
        <v>48</v>
      </c>
      <c r="F29" s="155"/>
      <c r="G29" s="156"/>
      <c r="H29" s="156"/>
      <c r="I29" s="157"/>
    </row>
    <row r="30" spans="2:9" s="5" customFormat="1" ht="12.95" customHeight="1">
      <c r="B30" s="166"/>
      <c r="C30" s="23" t="s">
        <v>95</v>
      </c>
      <c r="D30" s="105"/>
      <c r="E30" s="105"/>
      <c r="F30" s="155"/>
      <c r="G30" s="156"/>
      <c r="H30" s="156"/>
      <c r="I30" s="157"/>
    </row>
    <row r="31" spans="2:9" s="5" customFormat="1" ht="12.95" customHeight="1">
      <c r="B31" s="166"/>
      <c r="C31" s="23" t="s">
        <v>96</v>
      </c>
      <c r="D31" s="106">
        <v>49</v>
      </c>
      <c r="E31" s="106">
        <v>50</v>
      </c>
      <c r="F31" s="155"/>
      <c r="G31" s="156"/>
      <c r="H31" s="156"/>
      <c r="I31" s="157"/>
    </row>
    <row r="32" spans="2:9" s="5" customFormat="1" ht="12.95" customHeight="1">
      <c r="B32" s="166"/>
      <c r="C32" s="23" t="s">
        <v>104</v>
      </c>
      <c r="D32" s="106">
        <v>51</v>
      </c>
      <c r="E32" s="106">
        <v>52</v>
      </c>
      <c r="F32" s="155"/>
      <c r="G32" s="156"/>
      <c r="H32" s="156"/>
      <c r="I32" s="157"/>
    </row>
    <row r="33" spans="1:9" s="5" customFormat="1" ht="12.95" customHeight="1">
      <c r="B33" s="166"/>
      <c r="C33" s="23" t="s">
        <v>54</v>
      </c>
      <c r="D33" s="106">
        <v>53</v>
      </c>
      <c r="E33" s="106">
        <v>54</v>
      </c>
      <c r="F33" s="155"/>
      <c r="G33" s="156"/>
      <c r="H33" s="156"/>
      <c r="I33" s="157"/>
    </row>
    <row r="34" spans="1:9" s="5" customFormat="1" ht="12.95" customHeight="1">
      <c r="B34" s="166"/>
      <c r="C34" s="23" t="s">
        <v>74</v>
      </c>
      <c r="D34" s="106">
        <v>55</v>
      </c>
      <c r="E34" s="106">
        <v>56</v>
      </c>
      <c r="F34" s="155"/>
      <c r="G34" s="156"/>
      <c r="H34" s="156"/>
      <c r="I34" s="157"/>
    </row>
    <row r="35" spans="1:9" s="5" customFormat="1" ht="12.95" customHeight="1">
      <c r="B35" s="166"/>
      <c r="C35" s="23" t="s">
        <v>28</v>
      </c>
      <c r="D35" s="106">
        <v>57</v>
      </c>
      <c r="E35" s="106">
        <v>58</v>
      </c>
      <c r="F35" s="155"/>
      <c r="G35" s="156"/>
      <c r="H35" s="156"/>
      <c r="I35" s="157"/>
    </row>
    <row r="36" spans="1:9" s="5" customFormat="1" ht="12.95" customHeight="1">
      <c r="B36" s="166"/>
      <c r="C36" s="25" t="s">
        <v>19</v>
      </c>
      <c r="D36" s="106">
        <v>59</v>
      </c>
      <c r="E36" s="106">
        <v>60</v>
      </c>
      <c r="F36" s="155"/>
      <c r="G36" s="156"/>
      <c r="H36" s="156"/>
      <c r="I36" s="157"/>
    </row>
    <row r="37" spans="1:9" s="5" customFormat="1" ht="12.95" customHeight="1" thickBot="1">
      <c r="B37" s="167"/>
      <c r="C37" s="26" t="s">
        <v>97</v>
      </c>
      <c r="D37" s="107">
        <v>61</v>
      </c>
      <c r="E37" s="107">
        <v>62</v>
      </c>
      <c r="F37" s="158"/>
      <c r="G37" s="159"/>
      <c r="H37" s="159"/>
      <c r="I37" s="160"/>
    </row>
    <row r="38" spans="1:9" s="5" customFormat="1" ht="9" customHeight="1">
      <c r="B38" s="6"/>
      <c r="C38" s="9"/>
      <c r="D38" s="9"/>
      <c r="E38" s="9"/>
      <c r="F38" s="9"/>
      <c r="G38" s="97"/>
      <c r="H38" s="97"/>
      <c r="I38" s="97"/>
    </row>
    <row r="39" spans="1:9" s="5" customFormat="1" ht="12.95" customHeight="1" thickBot="1">
      <c r="A39" s="10" t="s">
        <v>70</v>
      </c>
      <c r="B39" s="11" t="s">
        <v>57</v>
      </c>
      <c r="C39" s="6"/>
      <c r="D39" s="6"/>
      <c r="E39" s="6"/>
      <c r="F39" s="6"/>
      <c r="G39" s="6"/>
      <c r="H39" s="6"/>
      <c r="I39" s="6"/>
    </row>
    <row r="40" spans="1:9" s="5" customFormat="1" ht="12.95" customHeight="1" thickBot="1">
      <c r="A40" s="12"/>
      <c r="B40" s="130" t="s">
        <v>59</v>
      </c>
      <c r="C40" s="164"/>
      <c r="D40" s="144" t="s">
        <v>110</v>
      </c>
      <c r="E40" s="168"/>
      <c r="F40" s="130" t="s">
        <v>58</v>
      </c>
      <c r="G40" s="131"/>
      <c r="H40" s="6"/>
      <c r="I40" s="13"/>
    </row>
    <row r="41" spans="1:9" s="5" customFormat="1" ht="12.95" customHeight="1" thickBot="1">
      <c r="A41" s="12"/>
      <c r="B41" s="130" t="s">
        <v>27</v>
      </c>
      <c r="C41" s="164"/>
      <c r="D41" s="146">
        <v>63</v>
      </c>
      <c r="E41" s="147"/>
      <c r="F41" s="130" t="s">
        <v>123</v>
      </c>
      <c r="G41" s="131"/>
      <c r="H41" s="6"/>
      <c r="I41" s="6"/>
    </row>
    <row r="42" spans="1:9" s="5" customFormat="1" ht="9.75" customHeight="1">
      <c r="A42" s="12"/>
      <c r="B42" s="6"/>
      <c r="C42" s="6"/>
      <c r="D42" s="6"/>
      <c r="E42" s="6"/>
      <c r="F42" s="6"/>
      <c r="G42" s="6"/>
      <c r="H42" s="6"/>
      <c r="I42" s="13"/>
    </row>
    <row r="43" spans="1:9" s="5" customFormat="1" ht="13.5" customHeight="1" thickBot="1">
      <c r="A43" s="15" t="s">
        <v>70</v>
      </c>
      <c r="B43" s="16" t="s">
        <v>20</v>
      </c>
      <c r="C43" s="6"/>
      <c r="D43" s="6"/>
      <c r="E43" s="6"/>
      <c r="F43" s="6"/>
      <c r="G43" s="6"/>
      <c r="H43" s="6"/>
      <c r="I43" s="6"/>
    </row>
    <row r="44" spans="1:9" s="5" customFormat="1" ht="12.95" customHeight="1" thickBot="1">
      <c r="A44" s="12"/>
      <c r="B44" s="161" t="s">
        <v>59</v>
      </c>
      <c r="C44" s="162"/>
      <c r="D44" s="144" t="s">
        <v>110</v>
      </c>
      <c r="E44" s="145"/>
      <c r="F44" s="130" t="s">
        <v>58</v>
      </c>
      <c r="G44" s="164"/>
      <c r="H44" s="169" t="s">
        <v>76</v>
      </c>
      <c r="I44" s="131"/>
    </row>
    <row r="45" spans="1:9" s="5" customFormat="1" ht="12.95" customHeight="1">
      <c r="A45" s="12"/>
      <c r="B45" s="134" t="s">
        <v>98</v>
      </c>
      <c r="C45" s="135"/>
      <c r="D45" s="138">
        <v>64</v>
      </c>
      <c r="E45" s="139"/>
      <c r="F45" s="194" t="s">
        <v>125</v>
      </c>
      <c r="G45" s="195"/>
      <c r="H45" s="195"/>
      <c r="I45" s="196"/>
    </row>
    <row r="46" spans="1:9" s="5" customFormat="1" ht="12.95" customHeight="1">
      <c r="A46" s="12"/>
      <c r="B46" s="136" t="s">
        <v>93</v>
      </c>
      <c r="C46" s="137"/>
      <c r="D46" s="140">
        <v>65</v>
      </c>
      <c r="E46" s="141"/>
      <c r="F46" s="197"/>
      <c r="G46" s="198"/>
      <c r="H46" s="198"/>
      <c r="I46" s="199"/>
    </row>
    <row r="47" spans="1:9" s="5" customFormat="1" ht="12.95" customHeight="1">
      <c r="A47" s="12"/>
      <c r="B47" s="136" t="s">
        <v>99</v>
      </c>
      <c r="C47" s="137"/>
      <c r="D47" s="140">
        <v>66</v>
      </c>
      <c r="E47" s="141"/>
      <c r="F47" s="197"/>
      <c r="G47" s="198"/>
      <c r="H47" s="198"/>
      <c r="I47" s="199"/>
    </row>
    <row r="48" spans="1:9" s="5" customFormat="1" ht="12.95" customHeight="1" thickBot="1">
      <c r="A48" s="12"/>
      <c r="B48" s="150" t="s">
        <v>92</v>
      </c>
      <c r="C48" s="151"/>
      <c r="D48" s="142">
        <v>67</v>
      </c>
      <c r="E48" s="143"/>
      <c r="F48" s="200"/>
      <c r="G48" s="201"/>
      <c r="H48" s="201"/>
      <c r="I48" s="202"/>
    </row>
    <row r="49" spans="1:9" s="5" customFormat="1" ht="8.25" customHeight="1"/>
    <row r="50" spans="1:9" s="5" customFormat="1" ht="12.95" customHeight="1" thickBot="1">
      <c r="A50" s="15" t="s">
        <v>71</v>
      </c>
      <c r="B50" s="16" t="s">
        <v>33</v>
      </c>
      <c r="C50" s="6"/>
      <c r="D50" s="6"/>
      <c r="E50" s="6"/>
      <c r="F50" s="6"/>
      <c r="G50" s="6"/>
      <c r="H50" s="6"/>
      <c r="I50" s="7"/>
    </row>
    <row r="51" spans="1:9" s="5" customFormat="1" ht="12.95" customHeight="1" thickBot="1">
      <c r="A51" s="12"/>
      <c r="B51" s="84" t="s">
        <v>0</v>
      </c>
      <c r="C51" s="85"/>
      <c r="D51" s="144" t="s">
        <v>109</v>
      </c>
      <c r="E51" s="145"/>
      <c r="F51" s="62" t="s">
        <v>113</v>
      </c>
      <c r="G51" s="8" t="s">
        <v>64</v>
      </c>
      <c r="H51" s="62" t="s">
        <v>113</v>
      </c>
      <c r="I51" s="63" t="s">
        <v>36</v>
      </c>
    </row>
    <row r="52" spans="1:9" s="5" customFormat="1" ht="12.95" customHeight="1" thickBot="1">
      <c r="B52" s="17" t="s">
        <v>65</v>
      </c>
      <c r="C52" s="18"/>
      <c r="D52" s="108">
        <v>1</v>
      </c>
      <c r="E52" s="103">
        <v>2</v>
      </c>
      <c r="F52" s="86"/>
      <c r="G52" s="14">
        <v>10</v>
      </c>
      <c r="H52" s="86"/>
      <c r="I52" s="63">
        <v>2</v>
      </c>
    </row>
    <row r="53" spans="1:9" s="5" customFormat="1" ht="12.95" customHeight="1" thickBot="1">
      <c r="B53" s="17" t="s">
        <v>66</v>
      </c>
      <c r="C53" s="18"/>
      <c r="D53" s="109"/>
      <c r="E53" s="103">
        <v>3</v>
      </c>
      <c r="F53" s="99"/>
      <c r="G53" s="19"/>
      <c r="H53" s="82"/>
      <c r="I53" s="63">
        <v>2</v>
      </c>
    </row>
    <row r="54" spans="1:9" s="5" customFormat="1" ht="12.95" customHeight="1">
      <c r="B54" s="9"/>
      <c r="C54" s="9"/>
      <c r="D54" s="6"/>
      <c r="E54" s="6"/>
      <c r="F54" s="6"/>
      <c r="G54" s="6"/>
      <c r="H54" s="6"/>
      <c r="I54" s="13"/>
    </row>
    <row r="55" spans="1:9" s="5" customFormat="1" ht="12.95" customHeight="1" thickBot="1">
      <c r="B55" s="9"/>
      <c r="C55" s="9"/>
      <c r="D55" s="6"/>
      <c r="E55" s="6"/>
      <c r="F55" s="6"/>
      <c r="G55" s="6"/>
      <c r="H55" s="6"/>
      <c r="I55" s="13"/>
    </row>
    <row r="56" spans="1:9" s="5" customFormat="1" ht="12.95" customHeight="1" thickBot="1">
      <c r="A56" s="7"/>
      <c r="B56" s="16" t="s">
        <v>77</v>
      </c>
      <c r="C56" s="9"/>
      <c r="D56" s="148" t="s">
        <v>109</v>
      </c>
      <c r="E56" s="149"/>
      <c r="F56" s="62" t="s">
        <v>113</v>
      </c>
      <c r="G56" s="8" t="s">
        <v>64</v>
      </c>
      <c r="H56" s="62" t="s">
        <v>113</v>
      </c>
      <c r="I56" s="63" t="s">
        <v>36</v>
      </c>
    </row>
    <row r="57" spans="1:9" s="5" customFormat="1" ht="12.95" customHeight="1" thickBot="1">
      <c r="B57" s="84" t="s">
        <v>78</v>
      </c>
      <c r="C57" s="85"/>
      <c r="D57" s="102">
        <v>4</v>
      </c>
      <c r="E57" s="103">
        <v>5</v>
      </c>
      <c r="F57" s="82"/>
      <c r="G57" s="87">
        <v>1</v>
      </c>
      <c r="H57" s="82"/>
      <c r="I57" s="63">
        <v>2</v>
      </c>
    </row>
    <row r="58" spans="1:9" s="5" customFormat="1" ht="12" customHeight="1"/>
    <row r="59" spans="1:9" s="5" customFormat="1" ht="12.95" customHeight="1" thickBot="1">
      <c r="A59" s="4" t="s">
        <v>108</v>
      </c>
      <c r="B59" s="11" t="s">
        <v>67</v>
      </c>
      <c r="C59" s="9"/>
      <c r="D59" s="9"/>
      <c r="E59" s="9"/>
      <c r="F59" s="9"/>
      <c r="G59" s="6"/>
      <c r="H59" s="6"/>
    </row>
    <row r="60" spans="1:9" s="5" customFormat="1" ht="12.95" customHeight="1" thickBot="1">
      <c r="B60" s="132" t="s">
        <v>68</v>
      </c>
      <c r="C60" s="20"/>
      <c r="D60" s="144" t="s">
        <v>109</v>
      </c>
      <c r="E60" s="145"/>
      <c r="F60" s="62" t="s">
        <v>113</v>
      </c>
      <c r="G60" s="8" t="s">
        <v>69</v>
      </c>
      <c r="H60" s="6"/>
    </row>
    <row r="61" spans="1:9" s="5" customFormat="1" ht="12.95" customHeight="1" thickBot="1">
      <c r="B61" s="133"/>
      <c r="C61" s="21"/>
      <c r="D61" s="146">
        <v>6</v>
      </c>
      <c r="E61" s="147"/>
      <c r="F61" s="86"/>
      <c r="G61" s="14">
        <v>2</v>
      </c>
      <c r="H61" s="6"/>
    </row>
    <row r="62" spans="1:9" s="5" customFormat="1" ht="21.75" customHeight="1"/>
  </sheetData>
  <mergeCells count="33">
    <mergeCell ref="A1:I1"/>
    <mergeCell ref="B6:C6"/>
    <mergeCell ref="B7:C7"/>
    <mergeCell ref="B8:B37"/>
    <mergeCell ref="B40:C40"/>
    <mergeCell ref="D5:E5"/>
    <mergeCell ref="D40:E40"/>
    <mergeCell ref="A2:I2"/>
    <mergeCell ref="D61:E61"/>
    <mergeCell ref="D56:E56"/>
    <mergeCell ref="B48:C48"/>
    <mergeCell ref="F6:I37"/>
    <mergeCell ref="B44:C44"/>
    <mergeCell ref="B41:C41"/>
    <mergeCell ref="D41:E41"/>
    <mergeCell ref="D44:E44"/>
    <mergeCell ref="H44:I44"/>
    <mergeCell ref="F41:G41"/>
    <mergeCell ref="F44:G44"/>
    <mergeCell ref="F45:I48"/>
    <mergeCell ref="F40:G40"/>
    <mergeCell ref="F5:G5"/>
    <mergeCell ref="H5:I5"/>
    <mergeCell ref="B60:B61"/>
    <mergeCell ref="B45:C45"/>
    <mergeCell ref="B46:C46"/>
    <mergeCell ref="B47:C47"/>
    <mergeCell ref="D45:E45"/>
    <mergeCell ref="D46:E46"/>
    <mergeCell ref="D47:E47"/>
    <mergeCell ref="D48:E48"/>
    <mergeCell ref="D51:E51"/>
    <mergeCell ref="D60:E60"/>
  </mergeCells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68"/>
  <sheetViews>
    <sheetView workbookViewId="0">
      <selection activeCell="J72" sqref="J72"/>
    </sheetView>
  </sheetViews>
  <sheetFormatPr defaultRowHeight="13.5"/>
  <cols>
    <col min="1" max="1" width="18.25" style="2" customWidth="1"/>
    <col min="2" max="2" width="16.125" style="2" customWidth="1"/>
    <col min="3" max="4" width="3.75" style="2" bestFit="1" customWidth="1"/>
    <col min="5" max="5" width="3.125" style="2" bestFit="1" customWidth="1"/>
    <col min="6" max="6" width="15.5" style="2" bestFit="1" customWidth="1"/>
    <col min="7" max="7" width="3.125" style="2" bestFit="1" customWidth="1"/>
    <col min="8" max="8" width="21.375" style="2" bestFit="1" customWidth="1"/>
    <col min="9" max="16384" width="9" style="2"/>
  </cols>
  <sheetData>
    <row r="1" spans="1:11" ht="17.25" customHeight="1">
      <c r="A1" s="170" t="s">
        <v>119</v>
      </c>
      <c r="B1" s="170"/>
      <c r="C1" s="170"/>
      <c r="D1" s="170"/>
      <c r="E1" s="170"/>
      <c r="F1" s="170"/>
      <c r="G1" s="170"/>
      <c r="H1" s="170"/>
    </row>
    <row r="2" spans="1:11" ht="17.25" customHeight="1">
      <c r="A2" s="170" t="s">
        <v>116</v>
      </c>
      <c r="B2" s="170"/>
      <c r="C2" s="170"/>
      <c r="D2" s="170"/>
      <c r="E2" s="170"/>
      <c r="F2" s="170"/>
      <c r="G2" s="170"/>
      <c r="H2" s="170"/>
    </row>
    <row r="3" spans="1:11" s="5" customFormat="1" ht="12">
      <c r="A3" s="27"/>
      <c r="B3" s="27" t="s">
        <v>80</v>
      </c>
      <c r="C3" s="27"/>
      <c r="D3" s="27"/>
      <c r="E3" s="27"/>
      <c r="F3" s="27" t="s">
        <v>80</v>
      </c>
      <c r="G3" s="27"/>
      <c r="H3" s="27"/>
    </row>
    <row r="4" spans="1:11" s="5" customFormat="1" ht="15" customHeight="1" thickBot="1">
      <c r="A4" s="28" t="s">
        <v>60</v>
      </c>
      <c r="B4" s="27"/>
      <c r="C4" s="27"/>
      <c r="D4" s="27"/>
      <c r="E4" s="27"/>
      <c r="F4" s="27" t="s">
        <v>120</v>
      </c>
      <c r="G4" s="27"/>
      <c r="H4" s="60"/>
    </row>
    <row r="5" spans="1:11" s="12" customFormat="1" ht="12.6" customHeight="1" thickBot="1">
      <c r="A5" s="29"/>
      <c r="B5" s="30" t="s">
        <v>0</v>
      </c>
      <c r="C5" s="171" t="s">
        <v>111</v>
      </c>
      <c r="D5" s="172"/>
      <c r="E5" s="71" t="s">
        <v>115</v>
      </c>
      <c r="F5" s="64" t="s">
        <v>32</v>
      </c>
      <c r="G5" s="79" t="s">
        <v>115</v>
      </c>
      <c r="H5" s="31" t="s">
        <v>35</v>
      </c>
    </row>
    <row r="6" spans="1:11" s="5" customFormat="1" ht="12.6" customHeight="1">
      <c r="A6" s="173" t="s">
        <v>1</v>
      </c>
      <c r="B6" s="34" t="s">
        <v>6</v>
      </c>
      <c r="C6" s="110">
        <v>1</v>
      </c>
      <c r="D6" s="110">
        <v>2</v>
      </c>
      <c r="E6" s="90"/>
      <c r="F6" s="68">
        <v>1</v>
      </c>
      <c r="G6" s="90"/>
      <c r="H6" s="73">
        <v>1</v>
      </c>
    </row>
    <row r="7" spans="1:11" s="5" customFormat="1" ht="12.6" customHeight="1">
      <c r="A7" s="174"/>
      <c r="B7" s="37" t="s">
        <v>11</v>
      </c>
      <c r="C7" s="111">
        <v>3</v>
      </c>
      <c r="D7" s="112">
        <v>4</v>
      </c>
      <c r="E7" s="91"/>
      <c r="F7" s="70">
        <v>8</v>
      </c>
      <c r="G7" s="93"/>
      <c r="H7" s="38">
        <v>1</v>
      </c>
    </row>
    <row r="8" spans="1:11" s="5" customFormat="1" ht="12.6" customHeight="1" thickBot="1">
      <c r="A8" s="175"/>
      <c r="B8" s="39" t="s">
        <v>34</v>
      </c>
      <c r="C8" s="113"/>
      <c r="D8" s="114">
        <v>5</v>
      </c>
      <c r="E8" s="72"/>
      <c r="F8" s="69"/>
      <c r="G8" s="92"/>
      <c r="H8" s="74">
        <v>1</v>
      </c>
      <c r="K8" s="7"/>
    </row>
    <row r="9" spans="1:11" s="5" customFormat="1" ht="12.6" customHeight="1" thickBot="1">
      <c r="A9" s="41" t="s">
        <v>105</v>
      </c>
      <c r="B9" s="42" t="s">
        <v>11</v>
      </c>
      <c r="C9" s="115">
        <v>6</v>
      </c>
      <c r="D9" s="115">
        <v>7</v>
      </c>
      <c r="E9" s="88"/>
      <c r="F9" s="94">
        <v>2</v>
      </c>
      <c r="G9" s="88"/>
      <c r="H9" s="75">
        <v>1</v>
      </c>
      <c r="K9" s="7"/>
    </row>
    <row r="10" spans="1:11" s="5" customFormat="1" ht="12.6" customHeight="1">
      <c r="A10" s="184" t="s">
        <v>23</v>
      </c>
      <c r="B10" s="34" t="s">
        <v>11</v>
      </c>
      <c r="C10" s="110">
        <v>8</v>
      </c>
      <c r="D10" s="110">
        <v>9</v>
      </c>
      <c r="E10" s="90"/>
      <c r="F10" s="68">
        <v>8</v>
      </c>
      <c r="G10" s="90"/>
      <c r="H10" s="73">
        <v>1</v>
      </c>
      <c r="K10" s="7"/>
    </row>
    <row r="11" spans="1:11" s="5" customFormat="1" ht="12.6" customHeight="1">
      <c r="A11" s="185"/>
      <c r="B11" s="37" t="s">
        <v>10</v>
      </c>
      <c r="C11" s="112">
        <v>10</v>
      </c>
      <c r="D11" s="112">
        <v>11</v>
      </c>
      <c r="E11" s="91"/>
      <c r="F11" s="70">
        <v>2</v>
      </c>
      <c r="G11" s="91"/>
      <c r="H11" s="76">
        <v>1</v>
      </c>
      <c r="K11" s="7"/>
    </row>
    <row r="12" spans="1:11" s="5" customFormat="1" ht="12.6" customHeight="1" thickBot="1">
      <c r="A12" s="186"/>
      <c r="B12" s="39" t="s">
        <v>9</v>
      </c>
      <c r="C12" s="114">
        <v>12</v>
      </c>
      <c r="D12" s="114">
        <v>13</v>
      </c>
      <c r="E12" s="89"/>
      <c r="F12" s="96">
        <v>2</v>
      </c>
      <c r="G12" s="89"/>
      <c r="H12" s="77">
        <v>1</v>
      </c>
      <c r="K12" s="7"/>
    </row>
    <row r="13" spans="1:11" s="5" customFormat="1" ht="12.6" customHeight="1">
      <c r="A13" s="184" t="s">
        <v>12</v>
      </c>
      <c r="B13" s="46" t="s">
        <v>11</v>
      </c>
      <c r="C13" s="116">
        <v>14</v>
      </c>
      <c r="D13" s="116">
        <v>15</v>
      </c>
      <c r="E13" s="93"/>
      <c r="F13" s="47">
        <v>4</v>
      </c>
      <c r="G13" s="93"/>
      <c r="H13" s="38">
        <v>1</v>
      </c>
      <c r="J13" s="7"/>
    </row>
    <row r="14" spans="1:11" s="5" customFormat="1" ht="12.6" customHeight="1" thickBot="1">
      <c r="A14" s="186"/>
      <c r="B14" s="48" t="s">
        <v>10</v>
      </c>
      <c r="C14" s="117">
        <v>16</v>
      </c>
      <c r="D14" s="117">
        <v>17</v>
      </c>
      <c r="E14" s="92"/>
      <c r="F14" s="49">
        <v>2</v>
      </c>
      <c r="G14" s="92"/>
      <c r="H14" s="74">
        <v>1</v>
      </c>
      <c r="J14" s="7"/>
    </row>
    <row r="15" spans="1:11" s="5" customFormat="1" ht="12.6" customHeight="1" thickBot="1">
      <c r="A15" s="190" t="s">
        <v>19</v>
      </c>
      <c r="B15" s="191"/>
      <c r="C15" s="118">
        <v>18</v>
      </c>
      <c r="D15" s="118">
        <v>19</v>
      </c>
      <c r="E15" s="55"/>
      <c r="F15" s="59">
        <v>4</v>
      </c>
      <c r="G15" s="55"/>
      <c r="H15" s="78">
        <v>1</v>
      </c>
    </row>
    <row r="16" spans="1:11" s="5" customFormat="1" ht="12.6" customHeight="1">
      <c r="A16" s="52"/>
      <c r="B16" s="52"/>
      <c r="C16" s="52"/>
      <c r="D16" s="52"/>
      <c r="E16" s="52"/>
      <c r="F16" s="98"/>
      <c r="G16" s="98"/>
      <c r="H16" s="98"/>
    </row>
    <row r="17" spans="1:10" s="5" customFormat="1" ht="15" customHeight="1" thickBot="1">
      <c r="A17" s="28" t="s">
        <v>61</v>
      </c>
      <c r="B17" s="47"/>
      <c r="C17" s="47"/>
      <c r="D17" s="47"/>
      <c r="E17" s="47"/>
      <c r="F17" s="47"/>
      <c r="G17" s="47"/>
      <c r="H17" s="47"/>
      <c r="J17" s="61"/>
    </row>
    <row r="18" spans="1:10" s="5" customFormat="1" ht="12.6" customHeight="1" thickBot="1">
      <c r="A18" s="53"/>
      <c r="B18" s="54" t="s">
        <v>0</v>
      </c>
      <c r="C18" s="171" t="s">
        <v>109</v>
      </c>
      <c r="D18" s="172"/>
      <c r="E18" s="71" t="s">
        <v>115</v>
      </c>
      <c r="F18" s="50" t="s">
        <v>62</v>
      </c>
      <c r="G18" s="71" t="s">
        <v>115</v>
      </c>
      <c r="H18" s="51" t="s">
        <v>63</v>
      </c>
      <c r="J18" s="7"/>
    </row>
    <row r="19" spans="1:10" s="5" customFormat="1" ht="12.6" customHeight="1" thickBot="1">
      <c r="A19" s="55" t="s">
        <v>1</v>
      </c>
      <c r="B19" s="54"/>
      <c r="C19" s="119">
        <v>20</v>
      </c>
      <c r="D19" s="120">
        <v>21</v>
      </c>
      <c r="E19" s="55"/>
      <c r="F19" s="50">
        <v>8</v>
      </c>
      <c r="G19" s="55"/>
      <c r="H19" s="51">
        <v>1</v>
      </c>
    </row>
    <row r="20" spans="1:10" s="5" customFormat="1" ht="12.6" customHeight="1" thickBot="1">
      <c r="A20" s="88" t="s">
        <v>106</v>
      </c>
      <c r="B20" s="42" t="s">
        <v>112</v>
      </c>
      <c r="C20" s="121">
        <v>22</v>
      </c>
      <c r="D20" s="115">
        <v>23</v>
      </c>
      <c r="E20" s="88"/>
      <c r="F20" s="43">
        <v>1</v>
      </c>
      <c r="G20" s="88"/>
      <c r="H20" s="95">
        <v>1</v>
      </c>
    </row>
    <row r="21" spans="1:10" s="5" customFormat="1" ht="12.6" customHeight="1">
      <c r="A21" s="187" t="s">
        <v>23</v>
      </c>
      <c r="B21" s="34" t="s">
        <v>2</v>
      </c>
      <c r="C21" s="122">
        <v>24</v>
      </c>
      <c r="D21" s="110">
        <v>25</v>
      </c>
      <c r="E21" s="90"/>
      <c r="F21" s="35">
        <v>2</v>
      </c>
      <c r="G21" s="90"/>
      <c r="H21" s="36">
        <v>1</v>
      </c>
    </row>
    <row r="22" spans="1:10" s="5" customFormat="1" ht="12.6" customHeight="1">
      <c r="A22" s="188"/>
      <c r="B22" s="37" t="s">
        <v>3</v>
      </c>
      <c r="C22" s="111">
        <v>26</v>
      </c>
      <c r="D22" s="112">
        <v>27</v>
      </c>
      <c r="E22" s="91"/>
      <c r="F22" s="44">
        <v>2</v>
      </c>
      <c r="G22" s="91"/>
      <c r="H22" s="45">
        <v>1</v>
      </c>
    </row>
    <row r="23" spans="1:10" s="5" customFormat="1" ht="12.6" customHeight="1">
      <c r="A23" s="188"/>
      <c r="B23" s="37" t="s">
        <v>4</v>
      </c>
      <c r="C23" s="111">
        <v>28</v>
      </c>
      <c r="D23" s="112">
        <v>29</v>
      </c>
      <c r="E23" s="91"/>
      <c r="F23" s="44">
        <v>4</v>
      </c>
      <c r="G23" s="91"/>
      <c r="H23" s="45">
        <v>1</v>
      </c>
    </row>
    <row r="24" spans="1:10" s="5" customFormat="1" ht="12.6" customHeight="1">
      <c r="A24" s="188"/>
      <c r="B24" s="37" t="s">
        <v>5</v>
      </c>
      <c r="C24" s="111">
        <v>30</v>
      </c>
      <c r="D24" s="112">
        <v>31</v>
      </c>
      <c r="E24" s="91"/>
      <c r="F24" s="44">
        <v>4</v>
      </c>
      <c r="G24" s="91"/>
      <c r="H24" s="45">
        <v>1</v>
      </c>
    </row>
    <row r="25" spans="1:10" s="5" customFormat="1" ht="12.6" customHeight="1">
      <c r="A25" s="188"/>
      <c r="B25" s="37" t="s">
        <v>6</v>
      </c>
      <c r="C25" s="111">
        <v>32</v>
      </c>
      <c r="D25" s="112">
        <v>33</v>
      </c>
      <c r="E25" s="91"/>
      <c r="F25" s="44">
        <v>3</v>
      </c>
      <c r="G25" s="91"/>
      <c r="H25" s="45">
        <v>1</v>
      </c>
    </row>
    <row r="26" spans="1:10" s="5" customFormat="1" ht="12.6" customHeight="1">
      <c r="A26" s="188"/>
      <c r="B26" s="37" t="s">
        <v>7</v>
      </c>
      <c r="C26" s="111">
        <v>34</v>
      </c>
      <c r="D26" s="112">
        <v>35</v>
      </c>
      <c r="E26" s="91"/>
      <c r="F26" s="44">
        <v>2</v>
      </c>
      <c r="G26" s="91"/>
      <c r="H26" s="45">
        <v>1</v>
      </c>
    </row>
    <row r="27" spans="1:10" s="5" customFormat="1" ht="12.6" customHeight="1">
      <c r="A27" s="188"/>
      <c r="B27" s="37" t="s">
        <v>8</v>
      </c>
      <c r="C27" s="111">
        <v>36</v>
      </c>
      <c r="D27" s="112">
        <v>37</v>
      </c>
      <c r="E27" s="91"/>
      <c r="F27" s="44">
        <v>5</v>
      </c>
      <c r="G27" s="91"/>
      <c r="H27" s="45">
        <v>1</v>
      </c>
    </row>
    <row r="28" spans="1:10" s="5" customFormat="1" ht="12.6" customHeight="1">
      <c r="A28" s="188"/>
      <c r="B28" s="37" t="s">
        <v>9</v>
      </c>
      <c r="C28" s="111">
        <v>38</v>
      </c>
      <c r="D28" s="112">
        <v>39</v>
      </c>
      <c r="E28" s="91"/>
      <c r="F28" s="44">
        <v>1</v>
      </c>
      <c r="G28" s="91"/>
      <c r="H28" s="45">
        <v>1</v>
      </c>
    </row>
    <row r="29" spans="1:10" s="5" customFormat="1" ht="12.6" customHeight="1">
      <c r="A29" s="188"/>
      <c r="B29" s="37" t="s">
        <v>10</v>
      </c>
      <c r="C29" s="111">
        <v>40</v>
      </c>
      <c r="D29" s="112">
        <v>41</v>
      </c>
      <c r="E29" s="91"/>
      <c r="F29" s="44">
        <v>1</v>
      </c>
      <c r="G29" s="91"/>
      <c r="H29" s="45">
        <v>1</v>
      </c>
    </row>
    <row r="30" spans="1:10" s="5" customFormat="1" ht="12.6" customHeight="1" thickBot="1">
      <c r="A30" s="189"/>
      <c r="B30" s="48" t="s">
        <v>11</v>
      </c>
      <c r="C30" s="123">
        <v>42</v>
      </c>
      <c r="D30" s="124">
        <v>43</v>
      </c>
      <c r="E30" s="92"/>
      <c r="F30" s="65">
        <v>4</v>
      </c>
      <c r="G30" s="92"/>
      <c r="H30" s="40">
        <v>1</v>
      </c>
    </row>
    <row r="31" spans="1:10" s="5" customFormat="1" ht="12.6" customHeight="1">
      <c r="A31" s="184" t="s">
        <v>12</v>
      </c>
      <c r="B31" s="56" t="s">
        <v>2</v>
      </c>
      <c r="C31" s="125">
        <v>44</v>
      </c>
      <c r="D31" s="126">
        <v>45</v>
      </c>
      <c r="E31" s="80"/>
      <c r="F31" s="66">
        <v>4</v>
      </c>
      <c r="G31" s="80"/>
      <c r="H31" s="57">
        <v>1</v>
      </c>
    </row>
    <row r="32" spans="1:10" s="5" customFormat="1" ht="12.6" customHeight="1">
      <c r="A32" s="185"/>
      <c r="B32" s="37" t="s">
        <v>13</v>
      </c>
      <c r="C32" s="111">
        <v>46</v>
      </c>
      <c r="D32" s="112">
        <v>47</v>
      </c>
      <c r="E32" s="91"/>
      <c r="F32" s="44">
        <v>1</v>
      </c>
      <c r="G32" s="91"/>
      <c r="H32" s="45">
        <v>1</v>
      </c>
    </row>
    <row r="33" spans="1:10" s="5" customFormat="1" ht="12.6" customHeight="1">
      <c r="A33" s="185"/>
      <c r="B33" s="37" t="s">
        <v>24</v>
      </c>
      <c r="C33" s="111">
        <v>48</v>
      </c>
      <c r="D33" s="112">
        <v>49</v>
      </c>
      <c r="E33" s="91"/>
      <c r="F33" s="44">
        <v>1</v>
      </c>
      <c r="G33" s="91"/>
      <c r="H33" s="45">
        <v>1</v>
      </c>
    </row>
    <row r="34" spans="1:10" s="5" customFormat="1" ht="12.6" customHeight="1">
      <c r="A34" s="185"/>
      <c r="B34" s="37" t="s">
        <v>25</v>
      </c>
      <c r="C34" s="111">
        <v>50</v>
      </c>
      <c r="D34" s="112">
        <v>51</v>
      </c>
      <c r="E34" s="91"/>
      <c r="F34" s="44">
        <v>1</v>
      </c>
      <c r="G34" s="91"/>
      <c r="H34" s="45">
        <v>1</v>
      </c>
    </row>
    <row r="35" spans="1:10" s="5" customFormat="1" ht="12.6" customHeight="1">
      <c r="A35" s="185"/>
      <c r="B35" s="37" t="s">
        <v>72</v>
      </c>
      <c r="C35" s="111">
        <v>52</v>
      </c>
      <c r="D35" s="112">
        <v>53</v>
      </c>
      <c r="E35" s="91"/>
      <c r="F35" s="44">
        <v>1</v>
      </c>
      <c r="G35" s="91"/>
      <c r="H35" s="45">
        <v>1</v>
      </c>
    </row>
    <row r="36" spans="1:10" s="5" customFormat="1" ht="12.6" customHeight="1">
      <c r="A36" s="185"/>
      <c r="B36" s="37" t="s">
        <v>4</v>
      </c>
      <c r="C36" s="111">
        <v>54</v>
      </c>
      <c r="D36" s="112">
        <v>55</v>
      </c>
      <c r="E36" s="91"/>
      <c r="F36" s="44">
        <v>4</v>
      </c>
      <c r="G36" s="91"/>
      <c r="H36" s="45">
        <v>1</v>
      </c>
    </row>
    <row r="37" spans="1:10" s="5" customFormat="1" ht="12.6" customHeight="1">
      <c r="A37" s="185"/>
      <c r="B37" s="37" t="s">
        <v>14</v>
      </c>
      <c r="C37" s="111">
        <v>56</v>
      </c>
      <c r="D37" s="112">
        <v>57</v>
      </c>
      <c r="E37" s="91"/>
      <c r="F37" s="44">
        <v>1</v>
      </c>
      <c r="G37" s="91"/>
      <c r="H37" s="45">
        <v>1</v>
      </c>
    </row>
    <row r="38" spans="1:10" s="5" customFormat="1" ht="12.6" customHeight="1">
      <c r="A38" s="185"/>
      <c r="B38" s="37" t="s">
        <v>26</v>
      </c>
      <c r="C38" s="111">
        <v>58</v>
      </c>
      <c r="D38" s="112">
        <v>59</v>
      </c>
      <c r="E38" s="91"/>
      <c r="F38" s="44">
        <v>1</v>
      </c>
      <c r="G38" s="91"/>
      <c r="H38" s="45">
        <v>1</v>
      </c>
    </row>
    <row r="39" spans="1:10" s="5" customFormat="1" ht="12.6" customHeight="1">
      <c r="A39" s="185"/>
      <c r="B39" s="37" t="s">
        <v>15</v>
      </c>
      <c r="C39" s="111">
        <v>60</v>
      </c>
      <c r="D39" s="112">
        <v>61</v>
      </c>
      <c r="E39" s="91"/>
      <c r="F39" s="44">
        <v>2</v>
      </c>
      <c r="G39" s="91"/>
      <c r="H39" s="45">
        <v>1</v>
      </c>
    </row>
    <row r="40" spans="1:10" s="5" customFormat="1" ht="12.6" customHeight="1">
      <c r="A40" s="185"/>
      <c r="B40" s="37" t="s">
        <v>8</v>
      </c>
      <c r="C40" s="111">
        <v>62</v>
      </c>
      <c r="D40" s="112">
        <v>63</v>
      </c>
      <c r="E40" s="91"/>
      <c r="F40" s="44">
        <v>2</v>
      </c>
      <c r="G40" s="91"/>
      <c r="H40" s="45">
        <v>1</v>
      </c>
    </row>
    <row r="41" spans="1:10" s="5" customFormat="1" ht="12.6" customHeight="1">
      <c r="A41" s="185"/>
      <c r="B41" s="37" t="s">
        <v>6</v>
      </c>
      <c r="C41" s="111">
        <v>64</v>
      </c>
      <c r="D41" s="112">
        <v>65</v>
      </c>
      <c r="E41" s="91"/>
      <c r="F41" s="44">
        <v>1</v>
      </c>
      <c r="G41" s="91"/>
      <c r="H41" s="45">
        <v>1</v>
      </c>
    </row>
    <row r="42" spans="1:10" s="5" customFormat="1" ht="12.6" customHeight="1">
      <c r="A42" s="185"/>
      <c r="B42" s="37" t="s">
        <v>7</v>
      </c>
      <c r="C42" s="111">
        <v>66</v>
      </c>
      <c r="D42" s="112">
        <v>67</v>
      </c>
      <c r="E42" s="91"/>
      <c r="F42" s="44">
        <v>2</v>
      </c>
      <c r="G42" s="91"/>
      <c r="H42" s="45">
        <v>1</v>
      </c>
    </row>
    <row r="43" spans="1:10" s="5" customFormat="1" ht="12.6" customHeight="1">
      <c r="A43" s="185"/>
      <c r="B43" s="37" t="s">
        <v>100</v>
      </c>
      <c r="C43" s="111">
        <v>68</v>
      </c>
      <c r="D43" s="112">
        <v>69</v>
      </c>
      <c r="E43" s="91"/>
      <c r="F43" s="44">
        <v>2</v>
      </c>
      <c r="G43" s="91"/>
      <c r="H43" s="45">
        <v>1</v>
      </c>
    </row>
    <row r="44" spans="1:10" s="5" customFormat="1" ht="12.6" customHeight="1">
      <c r="A44" s="185"/>
      <c r="B44" s="37" t="s">
        <v>11</v>
      </c>
      <c r="C44" s="111">
        <v>70</v>
      </c>
      <c r="D44" s="112">
        <v>71</v>
      </c>
      <c r="E44" s="91"/>
      <c r="F44" s="44">
        <v>4</v>
      </c>
      <c r="G44" s="91"/>
      <c r="H44" s="45">
        <v>1</v>
      </c>
    </row>
    <row r="45" spans="1:10" s="5" customFormat="1" ht="12.6" customHeight="1">
      <c r="A45" s="185"/>
      <c r="B45" s="37" t="s">
        <v>10</v>
      </c>
      <c r="C45" s="111">
        <v>72</v>
      </c>
      <c r="D45" s="112">
        <v>73</v>
      </c>
      <c r="E45" s="91"/>
      <c r="F45" s="44">
        <v>1</v>
      </c>
      <c r="G45" s="91"/>
      <c r="H45" s="45">
        <v>1</v>
      </c>
    </row>
    <row r="46" spans="1:10" s="5" customFormat="1" ht="12.6" customHeight="1">
      <c r="A46" s="185"/>
      <c r="B46" s="37" t="s">
        <v>16</v>
      </c>
      <c r="C46" s="111">
        <v>74</v>
      </c>
      <c r="D46" s="112">
        <v>75</v>
      </c>
      <c r="E46" s="91"/>
      <c r="F46" s="44">
        <v>1</v>
      </c>
      <c r="G46" s="91"/>
      <c r="H46" s="45">
        <v>1</v>
      </c>
      <c r="J46" s="7"/>
    </row>
    <row r="47" spans="1:10" s="5" customFormat="1" ht="12.6" customHeight="1">
      <c r="A47" s="185"/>
      <c r="B47" s="37" t="s">
        <v>21</v>
      </c>
      <c r="C47" s="111">
        <v>76</v>
      </c>
      <c r="D47" s="112">
        <v>77</v>
      </c>
      <c r="E47" s="91"/>
      <c r="F47" s="44">
        <v>1</v>
      </c>
      <c r="G47" s="91"/>
      <c r="H47" s="45">
        <v>1</v>
      </c>
    </row>
    <row r="48" spans="1:10" s="5" customFormat="1" ht="12.6" customHeight="1">
      <c r="A48" s="185"/>
      <c r="B48" s="37" t="s">
        <v>22</v>
      </c>
      <c r="C48" s="111">
        <v>78</v>
      </c>
      <c r="D48" s="112">
        <v>79</v>
      </c>
      <c r="E48" s="91"/>
      <c r="F48" s="44">
        <v>1</v>
      </c>
      <c r="G48" s="91"/>
      <c r="H48" s="45">
        <v>1</v>
      </c>
    </row>
    <row r="49" spans="1:8" s="5" customFormat="1" ht="12.6" customHeight="1">
      <c r="A49" s="185"/>
      <c r="B49" s="37" t="s">
        <v>88</v>
      </c>
      <c r="C49" s="111">
        <v>80</v>
      </c>
      <c r="D49" s="112">
        <v>81</v>
      </c>
      <c r="E49" s="91"/>
      <c r="F49" s="44">
        <v>1</v>
      </c>
      <c r="G49" s="91"/>
      <c r="H49" s="45">
        <v>1</v>
      </c>
    </row>
    <row r="50" spans="1:8" s="5" customFormat="1" ht="12.6" customHeight="1">
      <c r="A50" s="185"/>
      <c r="B50" s="37" t="s">
        <v>101</v>
      </c>
      <c r="C50" s="111">
        <v>82</v>
      </c>
      <c r="D50" s="112">
        <v>83</v>
      </c>
      <c r="E50" s="91"/>
      <c r="F50" s="44">
        <v>1</v>
      </c>
      <c r="G50" s="91"/>
      <c r="H50" s="45">
        <v>1</v>
      </c>
    </row>
    <row r="51" spans="1:8" s="5" customFormat="1" ht="12.6" customHeight="1">
      <c r="A51" s="185"/>
      <c r="B51" s="37" t="s">
        <v>102</v>
      </c>
      <c r="C51" s="111">
        <v>84</v>
      </c>
      <c r="D51" s="112">
        <v>85</v>
      </c>
      <c r="E51" s="91"/>
      <c r="F51" s="44">
        <v>1</v>
      </c>
      <c r="G51" s="91"/>
      <c r="H51" s="45">
        <v>1</v>
      </c>
    </row>
    <row r="52" spans="1:8" s="5" customFormat="1" ht="12.6" customHeight="1">
      <c r="A52" s="185"/>
      <c r="B52" s="46" t="s">
        <v>107</v>
      </c>
      <c r="C52" s="111">
        <v>86</v>
      </c>
      <c r="D52" s="112">
        <v>87</v>
      </c>
      <c r="E52" s="93"/>
      <c r="F52" s="67">
        <v>1</v>
      </c>
      <c r="G52" s="93"/>
      <c r="H52" s="45">
        <v>1</v>
      </c>
    </row>
    <row r="53" spans="1:8" s="5" customFormat="1" ht="12.6" customHeight="1">
      <c r="A53" s="185"/>
      <c r="B53" s="37" t="s">
        <v>17</v>
      </c>
      <c r="C53" s="111">
        <v>88</v>
      </c>
      <c r="D53" s="112">
        <v>89</v>
      </c>
      <c r="E53" s="91"/>
      <c r="F53" s="44">
        <v>1</v>
      </c>
      <c r="G53" s="91"/>
      <c r="H53" s="45">
        <v>1</v>
      </c>
    </row>
    <row r="54" spans="1:8" s="5" customFormat="1" ht="12.6" customHeight="1" thickBot="1">
      <c r="A54" s="185"/>
      <c r="B54" s="46" t="s">
        <v>18</v>
      </c>
      <c r="C54" s="127">
        <v>90</v>
      </c>
      <c r="D54" s="128">
        <v>91</v>
      </c>
      <c r="E54" s="93"/>
      <c r="F54" s="67">
        <v>1</v>
      </c>
      <c r="G54" s="93"/>
      <c r="H54" s="45">
        <v>1</v>
      </c>
    </row>
    <row r="55" spans="1:8" s="5" customFormat="1" ht="12.6" customHeight="1">
      <c r="A55" s="187" t="s">
        <v>89</v>
      </c>
      <c r="B55" s="34" t="s">
        <v>30</v>
      </c>
      <c r="C55" s="122">
        <v>92</v>
      </c>
      <c r="D55" s="110">
        <v>93</v>
      </c>
      <c r="E55" s="90"/>
      <c r="F55" s="35">
        <v>4</v>
      </c>
      <c r="G55" s="90"/>
      <c r="H55" s="36">
        <v>1</v>
      </c>
    </row>
    <row r="56" spans="1:8" s="5" customFormat="1" ht="12.6" customHeight="1">
      <c r="A56" s="188"/>
      <c r="B56" s="37" t="s">
        <v>29</v>
      </c>
      <c r="C56" s="111">
        <v>94</v>
      </c>
      <c r="D56" s="112">
        <v>95</v>
      </c>
      <c r="E56" s="91"/>
      <c r="F56" s="44">
        <v>4</v>
      </c>
      <c r="G56" s="91"/>
      <c r="H56" s="45">
        <v>1</v>
      </c>
    </row>
    <row r="57" spans="1:8" s="5" customFormat="1" ht="12.6" customHeight="1" thickBot="1">
      <c r="A57" s="189"/>
      <c r="B57" s="48" t="s">
        <v>31</v>
      </c>
      <c r="C57" s="123">
        <v>96</v>
      </c>
      <c r="D57" s="124">
        <v>97</v>
      </c>
      <c r="E57" s="92"/>
      <c r="F57" s="65">
        <v>4</v>
      </c>
      <c r="G57" s="92"/>
      <c r="H57" s="40">
        <v>1</v>
      </c>
    </row>
    <row r="58" spans="1:8" s="5" customFormat="1" ht="12.6" customHeight="1" thickBot="1">
      <c r="A58" s="190" t="s">
        <v>81</v>
      </c>
      <c r="B58" s="191"/>
      <c r="C58" s="129">
        <v>98</v>
      </c>
      <c r="D58" s="118">
        <v>99</v>
      </c>
      <c r="E58" s="55"/>
      <c r="F58" s="50">
        <v>4</v>
      </c>
      <c r="G58" s="55"/>
      <c r="H58" s="51">
        <v>1</v>
      </c>
    </row>
    <row r="59" spans="1:8" s="5" customFormat="1" ht="12.6" customHeight="1" thickBot="1">
      <c r="A59" s="190" t="s">
        <v>97</v>
      </c>
      <c r="B59" s="191"/>
      <c r="C59" s="129">
        <v>100</v>
      </c>
      <c r="D59" s="118">
        <v>101</v>
      </c>
      <c r="E59" s="55"/>
      <c r="F59" s="50">
        <v>2</v>
      </c>
      <c r="G59" s="55"/>
      <c r="H59" s="51">
        <v>1</v>
      </c>
    </row>
    <row r="60" spans="1:8" s="5" customFormat="1" ht="12.6" customHeight="1">
      <c r="A60" s="47"/>
      <c r="B60" s="47"/>
      <c r="C60" s="47"/>
      <c r="D60" s="47"/>
      <c r="E60" s="47"/>
      <c r="F60" s="47"/>
      <c r="G60" s="47"/>
      <c r="H60" s="47"/>
    </row>
    <row r="61" spans="1:8" s="5" customFormat="1" ht="15" customHeight="1" thickBot="1">
      <c r="A61" s="81" t="s">
        <v>82</v>
      </c>
      <c r="B61" s="47"/>
      <c r="C61" s="47"/>
      <c r="D61" s="47"/>
      <c r="E61" s="47"/>
      <c r="F61" s="47"/>
      <c r="G61" s="47"/>
      <c r="H61" s="47"/>
    </row>
    <row r="62" spans="1:8" s="5" customFormat="1" ht="12.95" customHeight="1">
      <c r="A62" s="176" t="s">
        <v>83</v>
      </c>
      <c r="B62" s="177"/>
      <c r="C62" s="94"/>
      <c r="D62" s="192">
        <v>102</v>
      </c>
      <c r="E62" s="94"/>
      <c r="F62" s="178" t="s">
        <v>117</v>
      </c>
      <c r="G62" s="184"/>
      <c r="H62" s="180">
        <v>4</v>
      </c>
    </row>
    <row r="63" spans="1:8" s="5" customFormat="1" ht="12.95" customHeight="1" thickBot="1">
      <c r="A63" s="182" t="s">
        <v>84</v>
      </c>
      <c r="B63" s="183"/>
      <c r="C63" s="96"/>
      <c r="D63" s="193"/>
      <c r="E63" s="96"/>
      <c r="F63" s="179"/>
      <c r="G63" s="186"/>
      <c r="H63" s="181"/>
    </row>
    <row r="64" spans="1:8" s="5" customFormat="1" ht="12.95" customHeight="1" thickBot="1">
      <c r="A64" s="47"/>
      <c r="B64" s="47"/>
      <c r="C64" s="47"/>
      <c r="D64" s="118"/>
      <c r="E64" s="47"/>
      <c r="F64" s="47"/>
      <c r="G64" s="47"/>
      <c r="H64" s="58"/>
    </row>
    <row r="65" spans="1:10" s="5" customFormat="1" ht="12.95" customHeight="1">
      <c r="A65" s="176" t="s">
        <v>85</v>
      </c>
      <c r="B65" s="177"/>
      <c r="C65" s="94"/>
      <c r="D65" s="192">
        <v>103</v>
      </c>
      <c r="E65" s="94"/>
      <c r="F65" s="178" t="s">
        <v>118</v>
      </c>
      <c r="G65" s="184"/>
      <c r="H65" s="180">
        <v>4</v>
      </c>
    </row>
    <row r="66" spans="1:10" s="5" customFormat="1" ht="12.95" customHeight="1" thickBot="1">
      <c r="A66" s="182" t="s">
        <v>86</v>
      </c>
      <c r="B66" s="183"/>
      <c r="C66" s="96"/>
      <c r="D66" s="193"/>
      <c r="E66" s="96"/>
      <c r="F66" s="179"/>
      <c r="G66" s="186"/>
      <c r="H66" s="181"/>
      <c r="J66" s="7"/>
    </row>
    <row r="67" spans="1:10" ht="13.5" customHeight="1">
      <c r="A67" s="1"/>
      <c r="B67" s="1"/>
      <c r="C67" s="1"/>
      <c r="D67" s="1"/>
      <c r="E67" s="1"/>
      <c r="F67" s="32"/>
      <c r="G67" s="32"/>
      <c r="H67" s="1"/>
      <c r="J67" s="33"/>
    </row>
    <row r="68" spans="1:10" ht="15" customHeight="1">
      <c r="B68" s="3"/>
      <c r="C68" s="3"/>
      <c r="D68" s="3"/>
      <c r="E68" s="3"/>
      <c r="F68" s="3"/>
      <c r="G68" s="3"/>
      <c r="H68" s="3"/>
    </row>
  </sheetData>
  <mergeCells count="25">
    <mergeCell ref="G62:G63"/>
    <mergeCell ref="G65:G66"/>
    <mergeCell ref="A15:B15"/>
    <mergeCell ref="A21:A30"/>
    <mergeCell ref="A31:A54"/>
    <mergeCell ref="A62:B62"/>
    <mergeCell ref="C18:D18"/>
    <mergeCell ref="D62:D63"/>
    <mergeCell ref="D65:D66"/>
    <mergeCell ref="A2:H2"/>
    <mergeCell ref="A1:H1"/>
    <mergeCell ref="C5:D5"/>
    <mergeCell ref="A6:A8"/>
    <mergeCell ref="A65:B65"/>
    <mergeCell ref="F65:F66"/>
    <mergeCell ref="H65:H66"/>
    <mergeCell ref="A66:B66"/>
    <mergeCell ref="A10:A12"/>
    <mergeCell ref="A55:A57"/>
    <mergeCell ref="A58:B58"/>
    <mergeCell ref="A59:B59"/>
    <mergeCell ref="F62:F63"/>
    <mergeCell ref="H62:H63"/>
    <mergeCell ref="A63:B63"/>
    <mergeCell ref="A13:A14"/>
  </mergeCells>
  <phoneticPr fontId="1"/>
  <pageMargins left="0.70866141732283472" right="0.70866141732283472" top="0" bottom="0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Ｒ２年1・3次</vt:lpstr>
      <vt:lpstr>R２年2次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佐藤</dc:creator>
  <cp:lastModifiedBy>oitapref</cp:lastModifiedBy>
  <cp:lastPrinted>2024-05-08T05:24:49Z</cp:lastPrinted>
  <dcterms:created xsi:type="dcterms:W3CDTF">2008-05-25T13:07:57Z</dcterms:created>
  <dcterms:modified xsi:type="dcterms:W3CDTF">2024-06-27T00:24:43Z</dcterms:modified>
</cp:coreProperties>
</file>